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25978B5D-8870-4849-9541-37FDF279B301}" xr6:coauthVersionLast="47" xr6:coauthVersionMax="47" xr10:uidLastSave="{00000000-0000-0000-0000-000000000000}"/>
  <bookViews>
    <workbookView xWindow="20370" yWindow="-120" windowWidth="29040" windowHeight="15840" activeTab="1" xr2:uid="{AD37A753-F38F-4FEB-BB19-911E247D6EC1}"/>
  </bookViews>
  <sheets>
    <sheet name="別紙１－３" sheetId="2" r:id="rId1"/>
    <sheet name="備考（1－3）" sheetId="3" r:id="rId2"/>
    <sheet name="Sheet1" sheetId="1" r:id="rId3"/>
  </sheets>
  <externalReferences>
    <externalReference r:id="rId4"/>
    <externalReference r:id="rId5"/>
    <externalReference r:id="rId6"/>
  </externalReferences>
  <definedNames>
    <definedName name="ｋ">#N/A</definedName>
    <definedName name="_xlnm.Print_Area" localSheetId="1">'備考（1－3）'!$A$1:$G$44</definedName>
    <definedName name="_xlnm.Print_Area" localSheetId="0">'別紙１－３'!$A$1:$AF$484</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2997" uniqueCount="286">
  <si>
    <t>（別紙１－３）</t>
    <phoneticPr fontId="4"/>
  </si>
  <si>
    <t>介 護 給 付 費 算 定 に 係 る 体 制 等 状 況 一 覧 表 （地域密着型サービス・地域密着型介護予防サービス）</t>
    <rPh sb="37" eb="38">
      <t>チ</t>
    </rPh>
    <rPh sb="38" eb="39">
      <t>イキ</t>
    </rPh>
    <rPh sb="39" eb="41">
      <t>ミッチャク</t>
    </rPh>
    <rPh sb="41" eb="42">
      <t>ガタ</t>
    </rPh>
    <rPh sb="47" eb="49">
      <t>チイキ</t>
    </rPh>
    <rPh sb="49" eb="52">
      <t>ミッチャクガタ</t>
    </rPh>
    <rPh sb="52" eb="54">
      <t>カイゴ</t>
    </rPh>
    <rPh sb="54" eb="56">
      <t>ヨボウ</t>
    </rPh>
    <phoneticPr fontId="4"/>
  </si>
  <si>
    <t>事 業 所 番 号</t>
    <phoneticPr fontId="4"/>
  </si>
  <si>
    <t>提供サービス</t>
  </si>
  <si>
    <t>施設等の区分</t>
  </si>
  <si>
    <t>人員配置区分</t>
  </si>
  <si>
    <t>そ　 　　の　 　　他　　 　該　　 　当　　 　す 　　　る 　　　体 　　　制 　　　等</t>
  </si>
  <si>
    <t>LIFEへの登録</t>
    <rPh sb="6" eb="8">
      <t>トウロク</t>
    </rPh>
    <phoneticPr fontId="4"/>
  </si>
  <si>
    <t>割 引</t>
  </si>
  <si>
    <t>各サービス共通</t>
  </si>
  <si>
    <t>地域区分</t>
  </si>
  <si>
    <t>□</t>
  </si>
  <si>
    <t>１　１級地</t>
  </si>
  <si>
    <t>６　２級地</t>
  </si>
  <si>
    <t>７　３級地</t>
  </si>
  <si>
    <t>２　４級地</t>
  </si>
  <si>
    <t>３　５級地</t>
  </si>
  <si>
    <t>４　６級地</t>
  </si>
  <si>
    <t>９　７級地</t>
  </si>
  <si>
    <t>５　その他</t>
  </si>
  <si>
    <t>高齢者虐待防止措置実施の有無</t>
    <phoneticPr fontId="4"/>
  </si>
  <si>
    <t>１ 減算型</t>
    <phoneticPr fontId="4"/>
  </si>
  <si>
    <t>２ 基準型</t>
    <phoneticPr fontId="4"/>
  </si>
  <si>
    <t>１　なし</t>
  </si>
  <si>
    <t>特別地域加算</t>
    <rPh sb="0" eb="2">
      <t>トクベツ</t>
    </rPh>
    <rPh sb="2" eb="4">
      <t>チイキ</t>
    </rPh>
    <rPh sb="4" eb="6">
      <t>カサン</t>
    </rPh>
    <phoneticPr fontId="4"/>
  </si>
  <si>
    <t>１ なし</t>
    <phoneticPr fontId="4"/>
  </si>
  <si>
    <t>２ あり</t>
    <phoneticPr fontId="4"/>
  </si>
  <si>
    <t>２　あり</t>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4"/>
  </si>
  <si>
    <t>１　非該当</t>
    <phoneticPr fontId="4"/>
  </si>
  <si>
    <t>２　該当</t>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4"/>
  </si>
  <si>
    <t>緊急時訪問看護加算</t>
    <rPh sb="0" eb="3">
      <t>キンキュウジ</t>
    </rPh>
    <rPh sb="3" eb="5">
      <t>ホウモン</t>
    </rPh>
    <rPh sb="5" eb="7">
      <t>カンゴ</t>
    </rPh>
    <rPh sb="7" eb="9">
      <t>カサン</t>
    </rPh>
    <phoneticPr fontId="4"/>
  </si>
  <si>
    <t>３ 加算Ⅰ</t>
    <phoneticPr fontId="4"/>
  </si>
  <si>
    <t>２ 加算Ⅱ</t>
    <phoneticPr fontId="4"/>
  </si>
  <si>
    <t>定期巡回・随時対応型</t>
    <phoneticPr fontId="4"/>
  </si>
  <si>
    <t>１　一体型</t>
  </si>
  <si>
    <t>特別管理体制</t>
  </si>
  <si>
    <t>１ 対応不可</t>
    <rPh sb="2" eb="4">
      <t>タイオウ</t>
    </rPh>
    <rPh sb="4" eb="6">
      <t>フカ</t>
    </rPh>
    <phoneticPr fontId="4"/>
  </si>
  <si>
    <t>２ 対応可</t>
    <phoneticPr fontId="4"/>
  </si>
  <si>
    <t>訪問介護看護</t>
  </si>
  <si>
    <t>２　連携型</t>
  </si>
  <si>
    <t>ターミナルケア体制</t>
    <rPh sb="7" eb="9">
      <t>タイセイ</t>
    </rPh>
    <phoneticPr fontId="4"/>
  </si>
  <si>
    <t>総合マネジメント体制強化加算</t>
    <rPh sb="0" eb="2">
      <t>ソウゴウ</t>
    </rPh>
    <rPh sb="8" eb="10">
      <t>タイセイ</t>
    </rPh>
    <rPh sb="10" eb="12">
      <t>キョウカ</t>
    </rPh>
    <rPh sb="12" eb="14">
      <t>カサン</t>
    </rPh>
    <phoneticPr fontId="4"/>
  </si>
  <si>
    <t>認知症専門ケア加算</t>
    <rPh sb="0" eb="3">
      <t>ニンチショウ</t>
    </rPh>
    <rPh sb="3" eb="5">
      <t>センモン</t>
    </rPh>
    <rPh sb="7" eb="9">
      <t>カサン</t>
    </rPh>
    <phoneticPr fontId="4"/>
  </si>
  <si>
    <t>２ 加算Ⅰ</t>
    <phoneticPr fontId="4"/>
  </si>
  <si>
    <t>３ 加算Ⅱ</t>
    <phoneticPr fontId="4"/>
  </si>
  <si>
    <t>口腔連携強化加算</t>
    <rPh sb="0" eb="2">
      <t>コウクウ</t>
    </rPh>
    <rPh sb="2" eb="4">
      <t>レンケイ</t>
    </rPh>
    <rPh sb="4" eb="6">
      <t>キョウカ</t>
    </rPh>
    <rPh sb="6" eb="8">
      <t>カサン</t>
    </rPh>
    <phoneticPr fontId="4"/>
  </si>
  <si>
    <t>サービス提供体制強化加算</t>
    <rPh sb="4" eb="6">
      <t>テイキョウ</t>
    </rPh>
    <rPh sb="6" eb="8">
      <t>タイセイ</t>
    </rPh>
    <rPh sb="8" eb="10">
      <t>キョウカ</t>
    </rPh>
    <rPh sb="10" eb="12">
      <t>カサン</t>
    </rPh>
    <phoneticPr fontId="4"/>
  </si>
  <si>
    <t>６ 加算Ⅰ</t>
    <phoneticPr fontId="4"/>
  </si>
  <si>
    <t>５ 加算Ⅱ</t>
    <phoneticPr fontId="4"/>
  </si>
  <si>
    <t>７ 加算Ⅲ</t>
    <phoneticPr fontId="4"/>
  </si>
  <si>
    <t>介護職員処遇改善加算</t>
    <rPh sb="0" eb="2">
      <t>カイゴ</t>
    </rPh>
    <rPh sb="2" eb="4">
      <t>ショクイン</t>
    </rPh>
    <rPh sb="4" eb="6">
      <t>ショグウ</t>
    </rPh>
    <rPh sb="6" eb="8">
      <t>カイゼン</t>
    </rPh>
    <rPh sb="8" eb="10">
      <t>カサン</t>
    </rPh>
    <phoneticPr fontId="6"/>
  </si>
  <si>
    <t>２ 加算Ⅲ</t>
    <phoneticPr fontId="4"/>
  </si>
  <si>
    <t>介護職員等特定処遇改善加算</t>
    <phoneticPr fontId="4"/>
  </si>
  <si>
    <t>１ なし</t>
  </si>
  <si>
    <t>２ 加算Ⅰ</t>
  </si>
  <si>
    <t>３ 加算Ⅱ</t>
  </si>
  <si>
    <t>介護職員等ベースアップ等支援加算</t>
    <phoneticPr fontId="4"/>
  </si>
  <si>
    <t>24時間通報対応加算</t>
    <rPh sb="2" eb="4">
      <t>ジカン</t>
    </rPh>
    <rPh sb="4" eb="6">
      <t>ツウホウ</t>
    </rPh>
    <rPh sb="6" eb="8">
      <t>タイオウ</t>
    </rPh>
    <rPh sb="8" eb="10">
      <t>カサン</t>
    </rPh>
    <phoneticPr fontId="4"/>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4"/>
  </si>
  <si>
    <t>夜間対応型訪問介護</t>
  </si>
  <si>
    <t>１　Ⅰ型</t>
  </si>
  <si>
    <t>２　Ⅱ型</t>
  </si>
  <si>
    <t>６ 加算Ⅰ（イの場合）</t>
    <rPh sb="8" eb="10">
      <t>バアイ</t>
    </rPh>
    <phoneticPr fontId="4"/>
  </si>
  <si>
    <t>４ 加算Ⅱ（イ場合）</t>
    <rPh sb="7" eb="9">
      <t>バアイ</t>
    </rPh>
    <phoneticPr fontId="4"/>
  </si>
  <si>
    <t>７ 加算Ⅲ（イの場合）</t>
    <phoneticPr fontId="4"/>
  </si>
  <si>
    <t>８ 加算Ⅰ（ロの場合）</t>
    <phoneticPr fontId="4"/>
  </si>
  <si>
    <t>５ 加算Ⅱ（ロの場合）</t>
    <phoneticPr fontId="4"/>
  </si>
  <si>
    <t>９ 加算Ⅲ（ロの場合）</t>
    <phoneticPr fontId="4"/>
  </si>
  <si>
    <t>職員の欠員による減算の状況</t>
  </si>
  <si>
    <t>２ 看護職員</t>
    <rPh sb="2" eb="4">
      <t>カンゴ</t>
    </rPh>
    <rPh sb="4" eb="6">
      <t>ショクイン</t>
    </rPh>
    <phoneticPr fontId="4"/>
  </si>
  <si>
    <t>３ 介護職員</t>
    <rPh sb="2" eb="4">
      <t>カイゴ</t>
    </rPh>
    <rPh sb="4" eb="6">
      <t>ショクイン</t>
    </rPh>
    <phoneticPr fontId="4"/>
  </si>
  <si>
    <t>業務継続計画策定の有無</t>
    <phoneticPr fontId="4"/>
  </si>
  <si>
    <t>感染症又は災害の発生を理由とする利用者数の減少が一定以上生じている場合の対応</t>
    <phoneticPr fontId="4"/>
  </si>
  <si>
    <t>時間延長サービス体制</t>
    <phoneticPr fontId="4"/>
  </si>
  <si>
    <t>共生型サービスの提供
（生活介護事業所）</t>
    <rPh sb="0" eb="3">
      <t>キョウセイガタ</t>
    </rPh>
    <rPh sb="8" eb="10">
      <t>テイキョウ</t>
    </rPh>
    <rPh sb="16" eb="18">
      <t>ジギョウ</t>
    </rPh>
    <rPh sb="18" eb="19">
      <t>ショ</t>
    </rPh>
    <phoneticPr fontId="4"/>
  </si>
  <si>
    <t>共生型サービスの提供
（自立訓練事業所）</t>
    <rPh sb="0" eb="3">
      <t>キョウセイガタ</t>
    </rPh>
    <rPh sb="8" eb="10">
      <t>テイキョウ</t>
    </rPh>
    <rPh sb="16" eb="19">
      <t>ジギョウショ</t>
    </rPh>
    <phoneticPr fontId="4"/>
  </si>
  <si>
    <t>共生型サービスの提供
（児童発達支援事業所）</t>
    <rPh sb="0" eb="3">
      <t>キョウセイガタ</t>
    </rPh>
    <rPh sb="8" eb="10">
      <t>テイキョウ</t>
    </rPh>
    <rPh sb="18" eb="20">
      <t>ジギョウ</t>
    </rPh>
    <rPh sb="20" eb="21">
      <t>ショ</t>
    </rPh>
    <phoneticPr fontId="4"/>
  </si>
  <si>
    <t>共生型サービスの提供
（放課後等デイサービス事業所）</t>
    <rPh sb="0" eb="3">
      <t>キョウセイガタ</t>
    </rPh>
    <rPh sb="8" eb="10">
      <t>テイキョウ</t>
    </rPh>
    <rPh sb="22" eb="25">
      <t>ジギョウショ</t>
    </rPh>
    <phoneticPr fontId="4"/>
  </si>
  <si>
    <t>生活相談員配置等加算</t>
    <rPh sb="0" eb="2">
      <t>セイカツ</t>
    </rPh>
    <rPh sb="2" eb="5">
      <t>ソウダンイン</t>
    </rPh>
    <rPh sb="5" eb="7">
      <t>ハイチ</t>
    </rPh>
    <rPh sb="7" eb="8">
      <t>トウ</t>
    </rPh>
    <rPh sb="8" eb="10">
      <t>カサン</t>
    </rPh>
    <phoneticPr fontId="4"/>
  </si>
  <si>
    <t>入浴介助加算</t>
    <phoneticPr fontId="4"/>
  </si>
  <si>
    <t>中重度者ケア体制加算</t>
    <phoneticPr fontId="4"/>
  </si>
  <si>
    <t>重度者ケア体制加算</t>
    <rPh sb="0" eb="2">
      <t>ジュウド</t>
    </rPh>
    <rPh sb="2" eb="3">
      <t>シャ</t>
    </rPh>
    <rPh sb="5" eb="7">
      <t>タイセイ</t>
    </rPh>
    <rPh sb="7" eb="9">
      <t>カサン</t>
    </rPh>
    <phoneticPr fontId="4"/>
  </si>
  <si>
    <t>地域密着型通所介護</t>
    <rPh sb="0" eb="2">
      <t>チイキ</t>
    </rPh>
    <rPh sb="2" eb="5">
      <t>ミッチャクガタ</t>
    </rPh>
    <rPh sb="5" eb="7">
      <t>ツウショ</t>
    </rPh>
    <rPh sb="7" eb="9">
      <t>カイゴ</t>
    </rPh>
    <phoneticPr fontId="4"/>
  </si>
  <si>
    <t>１　地域密着型通所介護事業所</t>
  </si>
  <si>
    <t>生活機能向上連携加算</t>
    <phoneticPr fontId="4"/>
  </si>
  <si>
    <t>２　療養通所介護事業所</t>
  </si>
  <si>
    <t>個別機能訓練加算</t>
    <phoneticPr fontId="4"/>
  </si>
  <si>
    <t>２ 加算Ⅰイ</t>
    <phoneticPr fontId="4"/>
  </si>
  <si>
    <t>３ 加算Ⅰロ</t>
    <phoneticPr fontId="4"/>
  </si>
  <si>
    <t>３　療養通所介護事業所（短期利用型）</t>
    <phoneticPr fontId="4"/>
  </si>
  <si>
    <t>ADL維持等加算〔申出〕の有無</t>
    <phoneticPr fontId="4"/>
  </si>
  <si>
    <t>認知症加算</t>
    <rPh sb="0" eb="3">
      <t>ニンチショウ</t>
    </rPh>
    <rPh sb="3" eb="5">
      <t>カサン</t>
    </rPh>
    <phoneticPr fontId="4"/>
  </si>
  <si>
    <t>若年性認知症利用者受入加算</t>
    <rPh sb="6" eb="9">
      <t>リヨウシャ</t>
    </rPh>
    <rPh sb="9" eb="11">
      <t>ウケイレ</t>
    </rPh>
    <rPh sb="11" eb="13">
      <t>カサン</t>
    </rPh>
    <phoneticPr fontId="4"/>
  </si>
  <si>
    <t>栄養アセスメント・栄養改善体制</t>
    <phoneticPr fontId="4"/>
  </si>
  <si>
    <t>口腔機能向上加算</t>
    <rPh sb="6" eb="8">
      <t>カサン</t>
    </rPh>
    <phoneticPr fontId="4"/>
  </si>
  <si>
    <t>科学的介護推進体制加算</t>
    <rPh sb="0" eb="3">
      <t>カガクテキ</t>
    </rPh>
    <rPh sb="3" eb="5">
      <t>カイゴ</t>
    </rPh>
    <rPh sb="5" eb="7">
      <t>スイシン</t>
    </rPh>
    <rPh sb="7" eb="9">
      <t>タイセイ</t>
    </rPh>
    <rPh sb="9" eb="11">
      <t>カサン</t>
    </rPh>
    <phoneticPr fontId="4"/>
  </si>
  <si>
    <t>５ 加算Ⅱ（イの場合）</t>
    <rPh sb="8" eb="10">
      <t>バアイ</t>
    </rPh>
    <phoneticPr fontId="4"/>
  </si>
  <si>
    <t>８ 加算Ⅲイ（ロの場合）</t>
    <phoneticPr fontId="4"/>
  </si>
  <si>
    <t>９ 加算Ⅲイ（ハの場合）</t>
    <phoneticPr fontId="4"/>
  </si>
  <si>
    <t>４ 加算Ⅲロ（ロの場合）</t>
    <phoneticPr fontId="4"/>
  </si>
  <si>
    <t>Ａ 加算Ⅲロ（ハの場合）</t>
    <phoneticPr fontId="4"/>
  </si>
  <si>
    <t>時間延長サービス体制</t>
  </si>
  <si>
    <t>認知症対応型通所介護</t>
    <phoneticPr fontId="4"/>
  </si>
  <si>
    <t>１　単独型</t>
  </si>
  <si>
    <t>２　併設型</t>
  </si>
  <si>
    <t>個別機能訓練加算</t>
    <rPh sb="0" eb="2">
      <t>コベツ</t>
    </rPh>
    <rPh sb="6" eb="8">
      <t>カサン</t>
    </rPh>
    <phoneticPr fontId="4"/>
  </si>
  <si>
    <t>３　共用型</t>
  </si>
  <si>
    <t>ADL維持等加算〔申出〕の有無</t>
    <rPh sb="3" eb="5">
      <t>イジ</t>
    </rPh>
    <rPh sb="5" eb="6">
      <t>トウ</t>
    </rPh>
    <rPh sb="6" eb="8">
      <t>カサン</t>
    </rPh>
    <rPh sb="9" eb="11">
      <t>モウシデ</t>
    </rPh>
    <rPh sb="13" eb="15">
      <t>ウム</t>
    </rPh>
    <phoneticPr fontId="4"/>
  </si>
  <si>
    <t>若年性認知症利用者受入加算</t>
    <rPh sb="0" eb="3">
      <t>ジャクネンセイ</t>
    </rPh>
    <rPh sb="3" eb="6">
      <t>ニンチショウ</t>
    </rPh>
    <rPh sb="6" eb="9">
      <t>リヨウシャ</t>
    </rPh>
    <rPh sb="9" eb="11">
      <t>ウケイレ</t>
    </rPh>
    <rPh sb="11" eb="13">
      <t>カサン</t>
    </rPh>
    <phoneticPr fontId="4"/>
  </si>
  <si>
    <t>５ 加算Ⅰ</t>
    <phoneticPr fontId="4"/>
  </si>
  <si>
    <t>４ 加算Ⅱ</t>
    <phoneticPr fontId="4"/>
  </si>
  <si>
    <t>６ 加算Ⅲ</t>
    <phoneticPr fontId="4"/>
  </si>
  <si>
    <t>職員の欠員による減算の状況</t>
    <rPh sb="0" eb="2">
      <t>ショクイン</t>
    </rPh>
    <rPh sb="3" eb="5">
      <t>ケツイン</t>
    </rPh>
    <rPh sb="8" eb="10">
      <t>ゲンサン</t>
    </rPh>
    <rPh sb="11" eb="13">
      <t>ジョウキョウ</t>
    </rPh>
    <phoneticPr fontId="4"/>
  </si>
  <si>
    <t>特別地域加算</t>
    <phoneticPr fontId="6"/>
  </si>
  <si>
    <t>若年性認知症利用者受入加算</t>
    <phoneticPr fontId="4"/>
  </si>
  <si>
    <t>看護職員配置加算</t>
    <rPh sb="0" eb="2">
      <t>カンゴ</t>
    </rPh>
    <rPh sb="2" eb="4">
      <t>ショクイン</t>
    </rPh>
    <rPh sb="4" eb="6">
      <t>ハイチ</t>
    </rPh>
    <rPh sb="6" eb="8">
      <t>カサン</t>
    </rPh>
    <phoneticPr fontId="4"/>
  </si>
  <si>
    <t>４ 加算Ⅲ</t>
    <phoneticPr fontId="4"/>
  </si>
  <si>
    <t>小規模多機能型居宅介護</t>
    <rPh sb="0" eb="3">
      <t>ショウキボ</t>
    </rPh>
    <rPh sb="3" eb="6">
      <t>タキノウ</t>
    </rPh>
    <rPh sb="6" eb="7">
      <t>ガタ</t>
    </rPh>
    <rPh sb="7" eb="9">
      <t>キョタク</t>
    </rPh>
    <rPh sb="9" eb="11">
      <t>カイゴ</t>
    </rPh>
    <phoneticPr fontId="4"/>
  </si>
  <si>
    <t>１　小規模多機能型居宅介護事業所</t>
  </si>
  <si>
    <t>看取り連携体制加算</t>
    <rPh sb="0" eb="2">
      <t>ミト</t>
    </rPh>
    <rPh sb="7" eb="9">
      <t>カサン</t>
    </rPh>
    <phoneticPr fontId="4"/>
  </si>
  <si>
    <t>２　サテライト型小規模多機能型</t>
  </si>
  <si>
    <t>訪問体制強化加算</t>
    <rPh sb="0" eb="2">
      <t>ホウモン</t>
    </rPh>
    <rPh sb="2" eb="4">
      <t>タイセイ</t>
    </rPh>
    <rPh sb="4" eb="6">
      <t>キョウカ</t>
    </rPh>
    <rPh sb="6" eb="8">
      <t>カサン</t>
    </rPh>
    <phoneticPr fontId="4"/>
  </si>
  <si>
    <t>　　居宅介護事業所</t>
  </si>
  <si>
    <t>生産性向上推進体制加算</t>
    <phoneticPr fontId="4"/>
  </si>
  <si>
    <t>小規模多機能型居宅介護</t>
  </si>
  <si>
    <t>（短期利用型）</t>
    <phoneticPr fontId="4"/>
  </si>
  <si>
    <t>夜間勤務条件基準</t>
  </si>
  <si>
    <t>１ 基準型</t>
    <rPh sb="2" eb="4">
      <t>キジュン</t>
    </rPh>
    <rPh sb="4" eb="5">
      <t>ガタ</t>
    </rPh>
    <phoneticPr fontId="4"/>
  </si>
  <si>
    <t>６ 減算型</t>
    <rPh sb="2" eb="4">
      <t>ゲンサン</t>
    </rPh>
    <rPh sb="4" eb="5">
      <t>ガタ</t>
    </rPh>
    <phoneticPr fontId="4"/>
  </si>
  <si>
    <t>２ 介護従業者</t>
    <rPh sb="2" eb="4">
      <t>カイゴ</t>
    </rPh>
    <rPh sb="4" eb="7">
      <t>ジュウギョウシャ</t>
    </rPh>
    <phoneticPr fontId="4"/>
  </si>
  <si>
    <t>身体拘束廃止取組の有無</t>
    <phoneticPr fontId="4"/>
  </si>
  <si>
    <t>２ 基準型</t>
    <rPh sb="2" eb="4">
      <t>キジュン</t>
    </rPh>
    <rPh sb="4" eb="5">
      <t>ガタ</t>
    </rPh>
    <phoneticPr fontId="4"/>
  </si>
  <si>
    <t>３ユニットの事業所が夜勤職員を
２人以上とする場合</t>
    <rPh sb="6" eb="9">
      <t>ジギョウショ</t>
    </rPh>
    <rPh sb="10" eb="12">
      <t>ヤキン</t>
    </rPh>
    <rPh sb="12" eb="14">
      <t>ショクイン</t>
    </rPh>
    <rPh sb="17" eb="18">
      <t>ヒト</t>
    </rPh>
    <rPh sb="18" eb="20">
      <t>イジョウ</t>
    </rPh>
    <rPh sb="23" eb="25">
      <t>バアイ</t>
    </rPh>
    <phoneticPr fontId="4"/>
  </si>
  <si>
    <t>夜間支援体制加算</t>
    <rPh sb="0" eb="2">
      <t>ヤカン</t>
    </rPh>
    <rPh sb="2" eb="4">
      <t>シエン</t>
    </rPh>
    <rPh sb="4" eb="6">
      <t>タイセイ</t>
    </rPh>
    <rPh sb="6" eb="8">
      <t>カサン</t>
    </rPh>
    <phoneticPr fontId="4"/>
  </si>
  <si>
    <t>利用者の入院期間中の体制</t>
    <rPh sb="0" eb="3">
      <t>リヨウシャ</t>
    </rPh>
    <rPh sb="4" eb="6">
      <t>ニュウイン</t>
    </rPh>
    <rPh sb="6" eb="8">
      <t>キカン</t>
    </rPh>
    <rPh sb="8" eb="9">
      <t>チュウ</t>
    </rPh>
    <rPh sb="10" eb="12">
      <t>タイセイ</t>
    </rPh>
    <phoneticPr fontId="4"/>
  </si>
  <si>
    <t>看取り介護加算</t>
    <rPh sb="0" eb="2">
      <t>ミト</t>
    </rPh>
    <rPh sb="3" eb="5">
      <t>カイゴ</t>
    </rPh>
    <rPh sb="5" eb="7">
      <t>カサン</t>
    </rPh>
    <phoneticPr fontId="4"/>
  </si>
  <si>
    <t>認知症対応型</t>
    <phoneticPr fontId="4"/>
  </si>
  <si>
    <t>医療連携体制加算Ⅰ</t>
    <rPh sb="6" eb="8">
      <t>カサン</t>
    </rPh>
    <phoneticPr fontId="4"/>
  </si>
  <si>
    <t>４ 加算Ⅰハ</t>
    <phoneticPr fontId="4"/>
  </si>
  <si>
    <t>共同生活介護</t>
    <phoneticPr fontId="4"/>
  </si>
  <si>
    <t>医療連携体制加算Ⅱ</t>
    <rPh sb="6" eb="8">
      <t>カサン</t>
    </rPh>
    <phoneticPr fontId="4"/>
  </si>
  <si>
    <t>３　 サテライト型Ⅰ型</t>
  </si>
  <si>
    <t>４ 　サテライト型Ⅱ型</t>
  </si>
  <si>
    <t>認知症チームケア推進加算</t>
    <phoneticPr fontId="4"/>
  </si>
  <si>
    <t>高齢者施設等感染対策向上加算Ⅰ</t>
    <phoneticPr fontId="4"/>
  </si>
  <si>
    <t>高齢者施設等感染対策向上加算Ⅱ</t>
    <phoneticPr fontId="4"/>
  </si>
  <si>
    <t>（短期利用型）</t>
  </si>
  <si>
    <t>入居継続支援加算</t>
    <phoneticPr fontId="4"/>
  </si>
  <si>
    <t>テクノロジーの導入
（入居継続支援加算関係）</t>
    <rPh sb="7" eb="9">
      <t>ドウニュウ</t>
    </rPh>
    <rPh sb="11" eb="13">
      <t>ニュウキョ</t>
    </rPh>
    <rPh sb="13" eb="15">
      <t>ケイゾク</t>
    </rPh>
    <rPh sb="15" eb="17">
      <t>シエン</t>
    </rPh>
    <rPh sb="17" eb="19">
      <t>カサン</t>
    </rPh>
    <rPh sb="19" eb="21">
      <t>カンケイ</t>
    </rPh>
    <phoneticPr fontId="4"/>
  </si>
  <si>
    <t>地域密着型特定施設</t>
  </si>
  <si>
    <t>１　有料老人ホーム</t>
  </si>
  <si>
    <t>夜間看護体制加算</t>
    <rPh sb="0" eb="2">
      <t>ヤカン</t>
    </rPh>
    <rPh sb="2" eb="4">
      <t>カンゴ</t>
    </rPh>
    <rPh sb="4" eb="6">
      <t>タイセイ</t>
    </rPh>
    <rPh sb="6" eb="8">
      <t>カサン</t>
    </rPh>
    <phoneticPr fontId="4"/>
  </si>
  <si>
    <t>３ 加算Ⅰ</t>
    <rPh sb="2" eb="4">
      <t>カサン</t>
    </rPh>
    <phoneticPr fontId="4"/>
  </si>
  <si>
    <t>２ 加算Ⅱ</t>
    <rPh sb="2" eb="4">
      <t>カサン</t>
    </rPh>
    <phoneticPr fontId="4"/>
  </si>
  <si>
    <t>入居者生活介護</t>
  </si>
  <si>
    <t>２　軽費老人ホーム</t>
  </si>
  <si>
    <t>若年性認知症入居者受入加算</t>
    <phoneticPr fontId="4"/>
  </si>
  <si>
    <t>３　養護老人ホーム</t>
  </si>
  <si>
    <t>５　サテライト型有料老人ホーム</t>
  </si>
  <si>
    <t>６　サテライト型軽費老人ホーム</t>
  </si>
  <si>
    <t>７　サテライト型養護老人ホーム</t>
  </si>
  <si>
    <t>(短期利用型）</t>
  </si>
  <si>
    <t>４ 介護支援専門員</t>
    <rPh sb="2" eb="4">
      <t>カイゴ</t>
    </rPh>
    <rPh sb="4" eb="6">
      <t>シエン</t>
    </rPh>
    <rPh sb="6" eb="9">
      <t>センモンイン</t>
    </rPh>
    <phoneticPr fontId="4"/>
  </si>
  <si>
    <t>ユニットケア体制</t>
    <rPh sb="6" eb="8">
      <t>タイセイ</t>
    </rPh>
    <phoneticPr fontId="4"/>
  </si>
  <si>
    <t>安全管理体制</t>
    <rPh sb="0" eb="2">
      <t>アンゼン</t>
    </rPh>
    <rPh sb="2" eb="4">
      <t>カンリ</t>
    </rPh>
    <rPh sb="4" eb="6">
      <t>タイセイ</t>
    </rPh>
    <phoneticPr fontId="4"/>
  </si>
  <si>
    <t>栄養ケア・マネジメントの
実施の有無</t>
    <rPh sb="0" eb="2">
      <t>エイヨウ</t>
    </rPh>
    <rPh sb="13" eb="15">
      <t>ジッシ</t>
    </rPh>
    <rPh sb="16" eb="18">
      <t>ウム</t>
    </rPh>
    <phoneticPr fontId="4"/>
  </si>
  <si>
    <t>日常生活継続支援加算</t>
    <rPh sb="0" eb="2">
      <t>ニチジョウ</t>
    </rPh>
    <rPh sb="2" eb="4">
      <t>セイカツ</t>
    </rPh>
    <rPh sb="4" eb="6">
      <t>ケイゾク</t>
    </rPh>
    <rPh sb="6" eb="8">
      <t>シエン</t>
    </rPh>
    <rPh sb="8" eb="10">
      <t>カサン</t>
    </rPh>
    <phoneticPr fontId="4"/>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4"/>
  </si>
  <si>
    <t>看護体制加算Ⅰ</t>
    <rPh sb="0" eb="2">
      <t>カンゴ</t>
    </rPh>
    <rPh sb="2" eb="4">
      <t>タイセイ</t>
    </rPh>
    <rPh sb="4" eb="6">
      <t>カサン</t>
    </rPh>
    <phoneticPr fontId="4"/>
  </si>
  <si>
    <t>看護体制加算Ⅱ</t>
    <rPh sb="0" eb="2">
      <t>カンゴ</t>
    </rPh>
    <rPh sb="2" eb="4">
      <t>タイセイ</t>
    </rPh>
    <rPh sb="4" eb="6">
      <t>カサン</t>
    </rPh>
    <phoneticPr fontId="4"/>
  </si>
  <si>
    <t>夜勤職員配置加算</t>
    <rPh sb="0" eb="2">
      <t>ヤキン</t>
    </rPh>
    <rPh sb="2" eb="4">
      <t>ショクイン</t>
    </rPh>
    <rPh sb="4" eb="6">
      <t>ハイチ</t>
    </rPh>
    <rPh sb="6" eb="8">
      <t>カサン</t>
    </rPh>
    <phoneticPr fontId="4"/>
  </si>
  <si>
    <t>２ 加算Ⅰ・加算Ⅱ</t>
    <rPh sb="6" eb="8">
      <t>カサン</t>
    </rPh>
    <phoneticPr fontId="4"/>
  </si>
  <si>
    <t>３ 加算Ⅲ・加算Ⅳ</t>
    <rPh sb="6" eb="8">
      <t>カサン</t>
    </rPh>
    <phoneticPr fontId="4"/>
  </si>
  <si>
    <t>テクノロジーの導入
（夜勤職員配置加算関係）</t>
    <rPh sb="7" eb="9">
      <t>ドウニュウ</t>
    </rPh>
    <rPh sb="11" eb="13">
      <t>ヤキン</t>
    </rPh>
    <rPh sb="13" eb="15">
      <t>ショクイン</t>
    </rPh>
    <rPh sb="15" eb="17">
      <t>ハイチ</t>
    </rPh>
    <rPh sb="17" eb="19">
      <t>カサン</t>
    </rPh>
    <rPh sb="19" eb="21">
      <t>カンケイ</t>
    </rPh>
    <phoneticPr fontId="4"/>
  </si>
  <si>
    <t>準ユニットケア体制</t>
    <rPh sb="0" eb="1">
      <t>ジュン</t>
    </rPh>
    <rPh sb="7" eb="9">
      <t>タイセイ</t>
    </rPh>
    <phoneticPr fontId="4"/>
  </si>
  <si>
    <t>１　地域密着型介護老人福祉施設</t>
  </si>
  <si>
    <t>地域密着型</t>
  </si>
  <si>
    <t>２　サテライト型地域密着型</t>
  </si>
  <si>
    <t>１　経過的施設以外</t>
  </si>
  <si>
    <t>５ 加算Ⅲ</t>
    <rPh sb="2" eb="4">
      <t>カサン</t>
    </rPh>
    <phoneticPr fontId="4"/>
  </si>
  <si>
    <t>介護老人福祉施設</t>
  </si>
  <si>
    <t>　　介護老人福祉施設</t>
  </si>
  <si>
    <t>２　経過的施設</t>
  </si>
  <si>
    <t>入所者生活介護</t>
  </si>
  <si>
    <t>３　ユニット型地域密着型介護老人福祉施設</t>
  </si>
  <si>
    <t>若年性認知症入所者受入加算</t>
    <rPh sb="0" eb="3">
      <t>ジャクネンセイ</t>
    </rPh>
    <rPh sb="3" eb="6">
      <t>ニンチショウ</t>
    </rPh>
    <rPh sb="6" eb="9">
      <t>ニュウショシャ</t>
    </rPh>
    <rPh sb="9" eb="11">
      <t>ウケイレ</t>
    </rPh>
    <rPh sb="11" eb="13">
      <t>カサン</t>
    </rPh>
    <phoneticPr fontId="4"/>
  </si>
  <si>
    <t>４　サテライト型ユニット型</t>
  </si>
  <si>
    <t>常勤専従医師配置</t>
  </si>
  <si>
    <t>　　地域密着型介護老人福祉施設</t>
  </si>
  <si>
    <t>精神科医師定期的療養指導</t>
  </si>
  <si>
    <t>障害者生活支援体制</t>
    <phoneticPr fontId="4"/>
  </si>
  <si>
    <t>栄養マネジメント強化体制</t>
    <rPh sb="0" eb="2">
      <t>エイヨウ</t>
    </rPh>
    <rPh sb="8" eb="10">
      <t>キョウカ</t>
    </rPh>
    <rPh sb="10" eb="12">
      <t>タイセイ</t>
    </rPh>
    <phoneticPr fontId="4"/>
  </si>
  <si>
    <t>療養食加算</t>
    <rPh sb="0" eb="2">
      <t>リョウヨウ</t>
    </rPh>
    <rPh sb="2" eb="3">
      <t>ショク</t>
    </rPh>
    <rPh sb="3" eb="5">
      <t>カサン</t>
    </rPh>
    <phoneticPr fontId="4"/>
  </si>
  <si>
    <t>配置医師緊急時対応加算</t>
    <rPh sb="6" eb="7">
      <t>ジ</t>
    </rPh>
    <phoneticPr fontId="4"/>
  </si>
  <si>
    <t>看取り介護体制</t>
    <rPh sb="0" eb="2">
      <t>ミト</t>
    </rPh>
    <rPh sb="3" eb="5">
      <t>カイゴ</t>
    </rPh>
    <rPh sb="5" eb="7">
      <t>タイセイ</t>
    </rPh>
    <phoneticPr fontId="4"/>
  </si>
  <si>
    <t>在宅・入所相互利用体制</t>
    <rPh sb="0" eb="2">
      <t>ザイタク</t>
    </rPh>
    <rPh sb="3" eb="5">
      <t>ニュウショ</t>
    </rPh>
    <rPh sb="5" eb="7">
      <t>ソウゴ</t>
    </rPh>
    <rPh sb="7" eb="9">
      <t>リヨウ</t>
    </rPh>
    <rPh sb="9" eb="11">
      <t>タイセイ</t>
    </rPh>
    <phoneticPr fontId="4"/>
  </si>
  <si>
    <t>小規模拠点集合体制</t>
    <rPh sb="0" eb="3">
      <t>ショウキボ</t>
    </rPh>
    <rPh sb="3" eb="5">
      <t>キョテン</t>
    </rPh>
    <rPh sb="5" eb="7">
      <t>シュウゴウ</t>
    </rPh>
    <rPh sb="7" eb="9">
      <t>タイセイ</t>
    </rPh>
    <phoneticPr fontId="4"/>
  </si>
  <si>
    <t>褥瘡マネジメント加算</t>
    <phoneticPr fontId="4"/>
  </si>
  <si>
    <t>排せつ支援加算</t>
    <rPh sb="0" eb="1">
      <t>ハイ</t>
    </rPh>
    <rPh sb="3" eb="5">
      <t>シエン</t>
    </rPh>
    <rPh sb="5" eb="7">
      <t>カサン</t>
    </rPh>
    <phoneticPr fontId="4"/>
  </si>
  <si>
    <t>自立支援促進加算</t>
    <rPh sb="0" eb="2">
      <t>ジリツ</t>
    </rPh>
    <rPh sb="2" eb="4">
      <t>シエン</t>
    </rPh>
    <rPh sb="4" eb="6">
      <t>ソクシン</t>
    </rPh>
    <rPh sb="6" eb="8">
      <t>カサン</t>
    </rPh>
    <phoneticPr fontId="4"/>
  </si>
  <si>
    <t>安全対策体制</t>
    <rPh sb="0" eb="2">
      <t>アンゼン</t>
    </rPh>
    <rPh sb="2" eb="4">
      <t>タイサク</t>
    </rPh>
    <rPh sb="4" eb="6">
      <t>タイセイ</t>
    </rPh>
    <phoneticPr fontId="4"/>
  </si>
  <si>
    <t>訪問看護体制減算</t>
    <rPh sb="0" eb="2">
      <t>ホウモン</t>
    </rPh>
    <rPh sb="2" eb="4">
      <t>カンゴ</t>
    </rPh>
    <rPh sb="4" eb="6">
      <t>タイセイ</t>
    </rPh>
    <rPh sb="6" eb="8">
      <t>ゲンザン</t>
    </rPh>
    <phoneticPr fontId="4"/>
  </si>
  <si>
    <t>サテライト体制</t>
    <rPh sb="5" eb="7">
      <t>タイセイ</t>
    </rPh>
    <phoneticPr fontId="4"/>
  </si>
  <si>
    <t>２ 減算型</t>
    <rPh sb="2" eb="4">
      <t>ゲンサン</t>
    </rPh>
    <rPh sb="4" eb="5">
      <t>ガタ</t>
    </rPh>
    <phoneticPr fontId="4"/>
  </si>
  <si>
    <t>緊急時対応加算</t>
    <rPh sb="3" eb="5">
      <t>タイオウ</t>
    </rPh>
    <phoneticPr fontId="4"/>
  </si>
  <si>
    <t>複合型サービス</t>
  </si>
  <si>
    <t>１　看護小規模多機能型居宅介護事業所</t>
  </si>
  <si>
    <t>専門管理加算</t>
    <rPh sb="0" eb="2">
      <t>センモン</t>
    </rPh>
    <rPh sb="2" eb="4">
      <t>カンリ</t>
    </rPh>
    <rPh sb="4" eb="6">
      <t>カサン</t>
    </rPh>
    <phoneticPr fontId="6"/>
  </si>
  <si>
    <t>（看護小規模多機能型</t>
  </si>
  <si>
    <t>２　サテライト型看護小規模多機能型</t>
  </si>
  <si>
    <t>居宅介護）</t>
  </si>
  <si>
    <t>遠隔死亡診断補助加算</t>
    <rPh sb="0" eb="2">
      <t>エンカク</t>
    </rPh>
    <rPh sb="2" eb="4">
      <t>シボウ</t>
    </rPh>
    <rPh sb="4" eb="6">
      <t>シンダン</t>
    </rPh>
    <rPh sb="6" eb="8">
      <t>ホジョ</t>
    </rPh>
    <rPh sb="8" eb="10">
      <t>カサン</t>
    </rPh>
    <phoneticPr fontId="6"/>
  </si>
  <si>
    <t>看護体制強化加算</t>
    <rPh sb="0" eb="2">
      <t>カンゴ</t>
    </rPh>
    <rPh sb="2" eb="4">
      <t>タイセイ</t>
    </rPh>
    <rPh sb="4" eb="6">
      <t>キョウカ</t>
    </rPh>
    <rPh sb="6" eb="8">
      <t>カサン</t>
    </rPh>
    <phoneticPr fontId="4"/>
  </si>
  <si>
    <t>居宅介護・短期利用型）</t>
  </si>
  <si>
    <t>介護予防認知症対応型</t>
  </si>
  <si>
    <t>通所介護</t>
  </si>
  <si>
    <t>介護予防小規模多機能型</t>
    <phoneticPr fontId="4"/>
  </si>
  <si>
    <t>１　介護予防小規模多機能型居宅介護事業所</t>
  </si>
  <si>
    <t>居宅介護</t>
  </si>
  <si>
    <t>２　サテライト型介護予防小規模多機能型</t>
  </si>
  <si>
    <t>職員の欠員による減算の状況</t>
    <phoneticPr fontId="4"/>
  </si>
  <si>
    <t>介護予防小規模多機能型</t>
  </si>
  <si>
    <t>利用者の入院期間中の体制</t>
    <rPh sb="0" eb="3">
      <t>リヨウシャ</t>
    </rPh>
    <rPh sb="4" eb="6">
      <t>ニュウイン</t>
    </rPh>
    <rPh sb="6" eb="9">
      <t>キカンチュウ</t>
    </rPh>
    <rPh sb="10" eb="12">
      <t>タイセイ</t>
    </rPh>
    <phoneticPr fontId="4"/>
  </si>
  <si>
    <t>共同生活介護</t>
  </si>
  <si>
    <r>
      <t>介 護 給 付 費 算 定 に 係 る 体 制 等 状 況 一 覧 表</t>
    </r>
    <r>
      <rPr>
        <sz val="14"/>
        <rFont val="HGSｺﾞｼｯｸM"/>
        <family val="3"/>
        <charset val="128"/>
      </rPr>
      <t>（主たる事業所の所在地以外の場所で一部実施する場合の出張所等の状況）</t>
    </r>
    <phoneticPr fontId="4"/>
  </si>
  <si>
    <t>事 業 所 番 号</t>
  </si>
  <si>
    <t>そ　 　　の　 　　他　　 　該　　 　当　　 　す 　　　る 　　　体 　　　制 　　　等</t>
    <phoneticPr fontId="4"/>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4"/>
  </si>
  <si>
    <t>定期巡回・随時対応型</t>
  </si>
  <si>
    <t>地域密着型通所介護</t>
    <phoneticPr fontId="4"/>
  </si>
  <si>
    <t>１　地域密着型通所介護事業所</t>
    <phoneticPr fontId="4"/>
  </si>
  <si>
    <t>１　小規模多機能型居宅介護事業所　</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6"/>
  </si>
  <si>
    <t>看取り連携体制加算</t>
    <rPh sb="0" eb="2">
      <t>ミト</t>
    </rPh>
    <rPh sb="3" eb="5">
      <t>レンケイ</t>
    </rPh>
    <rPh sb="5" eb="7">
      <t>タイセイ</t>
    </rPh>
    <rPh sb="7" eb="9">
      <t>カサン</t>
    </rPh>
    <phoneticPr fontId="4"/>
  </si>
  <si>
    <t>　　居宅介護事業所</t>
    <phoneticPr fontId="4"/>
  </si>
  <si>
    <t>　　</t>
    <phoneticPr fontId="4"/>
  </si>
  <si>
    <r>
      <t>緊急時</t>
    </r>
    <r>
      <rPr>
        <strike/>
        <sz val="11"/>
        <rFont val="HGSｺﾞｼｯｸM"/>
        <family val="3"/>
        <charset val="128"/>
      </rPr>
      <t>看護</t>
    </r>
    <r>
      <rPr>
        <sz val="11"/>
        <rFont val="HGSｺﾞｼｯｸM"/>
        <family val="3"/>
        <charset val="128"/>
      </rPr>
      <t>対応加算</t>
    </r>
    <rPh sb="5" eb="7">
      <t>タイオウ</t>
    </rPh>
    <phoneticPr fontId="4"/>
  </si>
  <si>
    <t>褥瘡マネジメント加算</t>
    <rPh sb="0" eb="2">
      <t>ジョクソウ</t>
    </rPh>
    <rPh sb="8" eb="10">
      <t>カサン</t>
    </rPh>
    <phoneticPr fontId="4"/>
  </si>
  <si>
    <t>複合型サービス</t>
    <phoneticPr fontId="4"/>
  </si>
  <si>
    <t>（看護小規模多機能型</t>
    <phoneticPr fontId="4"/>
  </si>
  <si>
    <t>居宅介護・短期利用型）</t>
    <phoneticPr fontId="4"/>
  </si>
  <si>
    <t>１　介護予防小規模多機能型居宅介護事業所　</t>
  </si>
  <si>
    <t>居宅介護</t>
    <phoneticPr fontId="4"/>
  </si>
  <si>
    <t>備考　１　この表は、事業所所在地以外の場所で一部事業を実施する出張所等がある場合について記載することとし、複数出張所等を有する場合は出張所ごとに提出してください。</t>
    <phoneticPr fontId="4"/>
  </si>
  <si>
    <t>備考　（別紙１－３）地域密着型サービス・地域密着型介護予防サービス</t>
    <rPh sb="0" eb="2">
      <t>ビコウ</t>
    </rPh>
    <rPh sb="10" eb="12">
      <t>チイキ</t>
    </rPh>
    <rPh sb="12" eb="15">
      <t>ミッチャクガタ</t>
    </rPh>
    <rPh sb="20" eb="22">
      <t>チイキ</t>
    </rPh>
    <rPh sb="22" eb="25">
      <t>ミッチャクガタ</t>
    </rPh>
    <rPh sb="25" eb="27">
      <t>カイゴ</t>
    </rPh>
    <rPh sb="27" eb="29">
      <t>ヨボウ</t>
    </rPh>
    <phoneticPr fontId="4"/>
  </si>
  <si>
    <t>備考　１　事業所・施設において、施設等の区分欄、人員配置区分欄、LIFE（科学的介護情報システム（Long-term care Information system For Evidence）への登録欄、その他該当する体制等欄に掲げる項目
　　　　につき該当する番号の横の□を■にしてください。</t>
    <rPh sb="98" eb="100">
      <t>トウロク</t>
    </rPh>
    <rPh sb="100" eb="101">
      <t>ラン</t>
    </rPh>
    <phoneticPr fontId="4"/>
  </si>
  <si>
    <t>　　　２ 「施設等の区分」及び「その他該当する体制等」欄で施設・設備等に係る加算（減算）の届出については、「平面図」（別紙６）を添付してください。</t>
  </si>
  <si>
    <t>　　　３　人員配置に係る届出については、勤務体制がわかる書類（「従業者の勤務の体制及び勤務形態一覧表」（別紙７）又はこれに準じた勤務割表等）を添付してください。</t>
  </si>
  <si>
    <t>　　　４ 「割引｣を｢あり｣と記載する場合は「地域密着型サービス事業者等による介護給付費の割引に係る割引率の設定について」（別紙5－2）を添付してください。</t>
    <rPh sb="23" eb="25">
      <t>チイキ</t>
    </rPh>
    <rPh sb="25" eb="28">
      <t>ミッチャクガタ</t>
    </rPh>
    <phoneticPr fontId="4"/>
  </si>
  <si>
    <t>　　　５ 「訪問看護体制減算」、「看護体制強化加算」及び「サテライト体制未整備減算」については、「看護体制及びサテライト体制に係る届出書」（別紙49）を添付してください。</t>
    <rPh sb="26" eb="27">
      <t>オヨ</t>
    </rPh>
    <rPh sb="34" eb="36">
      <t>タイセイ</t>
    </rPh>
    <rPh sb="36" eb="39">
      <t>ミセイビ</t>
    </rPh>
    <rPh sb="39" eb="41">
      <t>ゲンサン</t>
    </rPh>
    <rPh sb="53" eb="54">
      <t>オヨ</t>
    </rPh>
    <rPh sb="60" eb="62">
      <t>タイセイ</t>
    </rPh>
    <phoneticPr fontId="4"/>
  </si>
  <si>
    <t>　　　６ 「緊急時訪問看護加算」「緊急時対応加算」「特別管理体制」「ターミナルケア体制」については、「緊急時（介護予防）訪問看護加算・緊急時対応加算・特別管理体制・ターミナルケア体制に係る届出書」（別紙16）を添付してください。</t>
    <rPh sb="17" eb="20">
      <t>キンキュウジ</t>
    </rPh>
    <rPh sb="20" eb="22">
      <t>タイオウ</t>
    </rPh>
    <rPh sb="22" eb="24">
      <t>カサン</t>
    </rPh>
    <rPh sb="41" eb="43">
      <t>タイセイ</t>
    </rPh>
    <rPh sb="55" eb="57">
      <t>カイゴ</t>
    </rPh>
    <rPh sb="57" eb="59">
      <t>ヨボウ</t>
    </rPh>
    <rPh sb="67" eb="70">
      <t>キンキュウジ</t>
    </rPh>
    <rPh sb="70" eb="72">
      <t>タイオウ</t>
    </rPh>
    <rPh sb="72" eb="74">
      <t>カサン</t>
    </rPh>
    <rPh sb="89" eb="91">
      <t>タイセイ</t>
    </rPh>
    <rPh sb="92" eb="93">
      <t>カカ</t>
    </rPh>
    <rPh sb="94" eb="97">
      <t>トドケデショ</t>
    </rPh>
    <phoneticPr fontId="4"/>
  </si>
  <si>
    <t>　　　７ 「総合マネジメント体制強化加算」については、「総合マネジメント体制強化加算に係る届出書」（別紙42）を添付してください。</t>
    <rPh sb="6" eb="8">
      <t>ソウゴウ</t>
    </rPh>
    <rPh sb="14" eb="16">
      <t>タイセイ</t>
    </rPh>
    <rPh sb="16" eb="18">
      <t>キョウカ</t>
    </rPh>
    <rPh sb="18" eb="20">
      <t>カサン</t>
    </rPh>
    <phoneticPr fontId="4"/>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rPh sb="270" eb="272">
      <t>ベッシ</t>
    </rPh>
    <phoneticPr fontId="4"/>
  </si>
  <si>
    <t>　　　　　また、「認知症チームケア推進加算」については、「認知症チームケア推進加算に係る届出書」（別紙40）を添付してください。</t>
    <phoneticPr fontId="4"/>
  </si>
  <si>
    <t>　　　９ 「24時間通報対応加算」については、「24時間通報対応加算に係る届出書」（別紙43）を添付してください。</t>
    <rPh sb="8" eb="10">
      <t>ジカン</t>
    </rPh>
    <rPh sb="10" eb="12">
      <t>ツウホウ</t>
    </rPh>
    <rPh sb="12" eb="14">
      <t>タイオウ</t>
    </rPh>
    <rPh sb="14" eb="16">
      <t>カサン</t>
    </rPh>
    <rPh sb="26" eb="28">
      <t>ジカン</t>
    </rPh>
    <rPh sb="28" eb="30">
      <t>ツウホウ</t>
    </rPh>
    <rPh sb="30" eb="32">
      <t>タイオウ</t>
    </rPh>
    <phoneticPr fontId="4"/>
  </si>
  <si>
    <t>　　　10　「その他該当する体制等」欄で人員配置に係る加算（減算）の届出については、それぞれ加算（減算）の要件となる職員の配置状況や勤務体制がわかる書類を添付してください。</t>
    <phoneticPr fontId="4"/>
  </si>
  <si>
    <t>　　　　　　（例）－「機能訓練指導体制」…機能訓練指導員、「夜間勤務条件基準」…夜勤を行う看護師（准看護師）と介護職員の配置状況　等</t>
    <phoneticPr fontId="4"/>
  </si>
  <si>
    <t>　　　11 「時間延長サービス体制」については、実際に利用者に対して延長サービスを行うことが可能な場合に記載してください。</t>
    <phoneticPr fontId="4"/>
  </si>
  <si>
    <t>　　　12 「生活相談員配置等加算」については、「生活相談員配置等加算に係る届出書」（別紙21）を添付してください。</t>
    <phoneticPr fontId="4"/>
  </si>
  <si>
    <t>　　　13 「入浴介助加算」については、「浴室の平面図等」及び入浴介助加算（Ⅰ）の要件である研修を実施または、実施することが分かる資料等を添付してください。</t>
    <phoneticPr fontId="4"/>
  </si>
  <si>
    <t>　　　14 「中重度者ケア体制加算」については、「中重度者ケア体制加算に係る届出書」（別紙22）及び「利用者の割合に関する計算書」（別紙22ー2）を添付してください。</t>
    <phoneticPr fontId="4"/>
  </si>
  <si>
    <t>　　　15   地域密着型通所介護の「認知症加算」については、「認知症加算に係る届出書」（別紙23）及び「利用者の割合に関する計算書」（別紙23ー2）を、
　　　　　小規模多機能型居宅介護、複合型サービス（看護小規模多機能型居宅介護）の「認知症加算（Ⅰ）・（Ⅱ）」については、「認知症加算（Ⅰ）・（Ⅱ）に係る届出書」（別紙44）を添付してください。</t>
    <phoneticPr fontId="4"/>
  </si>
  <si>
    <t>　　　16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9" eb="60">
      <t>カン</t>
    </rPh>
    <rPh sb="62" eb="64">
      <t>トドケデ</t>
    </rPh>
    <rPh sb="64" eb="65">
      <t>ショ</t>
    </rPh>
    <rPh sb="67" eb="69">
      <t>ベッシ</t>
    </rPh>
    <rPh sb="73" eb="75">
      <t>テンプ</t>
    </rPh>
    <phoneticPr fontId="4"/>
  </si>
  <si>
    <t>　　　17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4"/>
  </si>
  <si>
    <t>　　　18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4"/>
  </si>
  <si>
    <t>　　　　地域密着型特定施設入居者生活介護の「看取り介護加算」については、「看取り介護体制に係る届出書」（別紙34－2）を添付してください。</t>
    <rPh sb="4" eb="6">
      <t>チイキ</t>
    </rPh>
    <rPh sb="6" eb="9">
      <t>ミッチャクガタ</t>
    </rPh>
    <rPh sb="9" eb="11">
      <t>トクテイ</t>
    </rPh>
    <rPh sb="11" eb="13">
      <t>シセツ</t>
    </rPh>
    <rPh sb="13" eb="16">
      <t>ニュウキョシャ</t>
    </rPh>
    <rPh sb="16" eb="18">
      <t>セイカツ</t>
    </rPh>
    <rPh sb="18" eb="20">
      <t>カイゴ</t>
    </rPh>
    <phoneticPr fontId="4"/>
  </si>
  <si>
    <t>　　　19 「看取り連携体制加算」については、「看取り連携体制加算に係る届出書」（別紙13）を、認知症対応型共同生活介護の「看取り介護加算」については、「看取り介護加算に係る届出書」（別紙47）を添付してください。</t>
    <rPh sb="7" eb="9">
      <t>ミト</t>
    </rPh>
    <rPh sb="10" eb="12">
      <t>レンケイ</t>
    </rPh>
    <rPh sb="12" eb="14">
      <t>タイセイ</t>
    </rPh>
    <rPh sb="67" eb="69">
      <t>カサン</t>
    </rPh>
    <phoneticPr fontId="4"/>
  </si>
  <si>
    <t>　　　20 「訪問体制強化加算」については、「訪問体制強化加算に係る届出書」（別紙45）を添付してください。</t>
    <rPh sb="7" eb="9">
      <t>ホウモン</t>
    </rPh>
    <rPh sb="9" eb="11">
      <t>タイセイ</t>
    </rPh>
    <rPh sb="11" eb="13">
      <t>キョウカ</t>
    </rPh>
    <rPh sb="23" eb="25">
      <t>ホウモン</t>
    </rPh>
    <rPh sb="25" eb="27">
      <t>タイセイ</t>
    </rPh>
    <rPh sb="27" eb="29">
      <t>キョウカ</t>
    </rPh>
    <phoneticPr fontId="4"/>
  </si>
  <si>
    <t>　　　21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4"/>
  </si>
  <si>
    <t>　　　22 「夜間支援体制加算」については、「夜間支援体制加算に係る届出書」（別紙46）を添付してください。</t>
    <rPh sb="7" eb="9">
      <t>ヤカン</t>
    </rPh>
    <rPh sb="9" eb="11">
      <t>シエン</t>
    </rPh>
    <rPh sb="11" eb="13">
      <t>タイセイ</t>
    </rPh>
    <rPh sb="13" eb="15">
      <t>カサン</t>
    </rPh>
    <rPh sb="23" eb="25">
      <t>ヤカン</t>
    </rPh>
    <rPh sb="25" eb="27">
      <t>シエン</t>
    </rPh>
    <rPh sb="27" eb="29">
      <t>タイセイ</t>
    </rPh>
    <phoneticPr fontId="4"/>
  </si>
  <si>
    <t>　　　23 「医療連携体制加算（Ⅰ）」については、「医療連携体制加算（Ⅰ）に係る届出書」（別紙48）を、「医療連携体制加算Ⅱ」については、「医療連携体制加算（Ⅱ）に係る届出書」（別紙48－2）を添付してください。</t>
    <rPh sb="7" eb="9">
      <t>イリョウ</t>
    </rPh>
    <rPh sb="9" eb="11">
      <t>レンケイ</t>
    </rPh>
    <rPh sb="11" eb="13">
      <t>タイセイ</t>
    </rPh>
    <rPh sb="26" eb="28">
      <t>イリョウ</t>
    </rPh>
    <rPh sb="28" eb="30">
      <t>レンケイ</t>
    </rPh>
    <rPh sb="30" eb="32">
      <t>タイセイ</t>
    </rPh>
    <phoneticPr fontId="4"/>
  </si>
  <si>
    <t>　　　24 「職員の欠員による減算の状況」については、以下の要領で記載してください。</t>
    <phoneticPr fontId="4"/>
  </si>
  <si>
    <t>　　　　看護職員、介護職員、介護従業者、介護支援専門員の欠員（看護師の配置割合が基準を満たしていない場合を含む。）…「その他該当する体制等」欄の欠員該当職種を選択する。</t>
    <rPh sb="14" eb="16">
      <t>カイゴ</t>
    </rPh>
    <rPh sb="16" eb="19">
      <t>ジュウギョウシャ</t>
    </rPh>
    <rPh sb="20" eb="22">
      <t>カイゴ</t>
    </rPh>
    <rPh sb="22" eb="24">
      <t>シエン</t>
    </rPh>
    <rPh sb="24" eb="27">
      <t>センモンイン</t>
    </rPh>
    <phoneticPr fontId="4"/>
  </si>
  <si>
    <t>　　　25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4"/>
  </si>
  <si>
    <t>　　　26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4"/>
  </si>
  <si>
    <t>　　　27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4"/>
  </si>
  <si>
    <t>　　　28 「テクノロジーの導入」については、「テクノロジーの導入による日常生活継続支援加算に関する届出書」（別紙37ー2）、「テクノロジーの導入による入居継続支援加算に関する届出書」</t>
    <rPh sb="14" eb="16">
      <t>ドウニュウ</t>
    </rPh>
    <phoneticPr fontId="4"/>
  </si>
  <si>
    <t>　　　29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4"/>
  </si>
  <si>
    <t>　　　30 「高齢者施設等感染対策向上加算Ⅰ」 「高齢者施設等感染対策向上加算Ⅱ」については、「高齢者施設等感染対策向上加算に係る届出書」（別紙35）を添付してください。</t>
    <phoneticPr fontId="4"/>
  </si>
  <si>
    <t>　　　31 「生産性向上推進体制加算」については、「生産性向上推進体制加算に係る届出書」（別紙28）を添付してください。</t>
    <phoneticPr fontId="4"/>
  </si>
  <si>
    <t>　　　32「口腔連携強化加算」については、「口腔連携強化加算に関する届出書」（別紙11）を添付してください。</t>
    <phoneticPr fontId="4"/>
  </si>
  <si>
    <t>注　　　地域密着型介護予防サービスについて、一体的に運営がされている地域密着型サービスに係る届出の別紙等が添付されている場合は、内容の重複する別紙等の添付は不要とすること。</t>
    <rPh sb="0" eb="1">
      <t>チュウ</t>
    </rPh>
    <rPh sb="4" eb="6">
      <t>チイキ</t>
    </rPh>
    <rPh sb="6" eb="8">
      <t>ミッチャク</t>
    </rPh>
    <rPh sb="8" eb="9">
      <t>ガタ</t>
    </rPh>
    <rPh sb="9" eb="11">
      <t>カイゴ</t>
    </rPh>
    <rPh sb="11" eb="13">
      <t>ヨボウ</t>
    </rPh>
    <rPh sb="22" eb="25">
      <t>イッタイテキ</t>
    </rPh>
    <rPh sb="26" eb="28">
      <t>ウンエイ</t>
    </rPh>
    <rPh sb="34" eb="36">
      <t>チイキ</t>
    </rPh>
    <rPh sb="36" eb="39">
      <t>ミッチャクガタ</t>
    </rPh>
    <rPh sb="44" eb="45">
      <t>カカ</t>
    </rPh>
    <rPh sb="46" eb="48">
      <t>トドケデ</t>
    </rPh>
    <rPh sb="49" eb="51">
      <t>ベッシ</t>
    </rPh>
    <rPh sb="51" eb="52">
      <t>トウ</t>
    </rPh>
    <rPh sb="53" eb="55">
      <t>テンプ</t>
    </rPh>
    <rPh sb="60" eb="62">
      <t>バアイ</t>
    </rPh>
    <rPh sb="64" eb="66">
      <t>ナイヨウ</t>
    </rPh>
    <rPh sb="67" eb="69">
      <t>チョウフク</t>
    </rPh>
    <rPh sb="71" eb="73">
      <t>ベッシ</t>
    </rPh>
    <rPh sb="73" eb="74">
      <t>トウ</t>
    </rPh>
    <rPh sb="75" eb="77">
      <t>テンプ</t>
    </rPh>
    <rPh sb="78" eb="80">
      <t>フヨウ</t>
    </rPh>
    <phoneticPr fontId="4"/>
  </si>
  <si>
    <t>備考　（別紙１－３）地域密着型サービス・地域密着型介護予防サービス　サテライト事業所</t>
    <rPh sb="0" eb="2">
      <t>ビコウ</t>
    </rPh>
    <rPh sb="10" eb="12">
      <t>チイキ</t>
    </rPh>
    <rPh sb="12" eb="15">
      <t>ミッチャクガタ</t>
    </rPh>
    <rPh sb="20" eb="22">
      <t>チイキ</t>
    </rPh>
    <rPh sb="22" eb="24">
      <t>ミッチャク</t>
    </rPh>
    <rPh sb="24" eb="25">
      <t>ガタ</t>
    </rPh>
    <rPh sb="25" eb="27">
      <t>カイゴ</t>
    </rPh>
    <rPh sb="27" eb="29">
      <t>ヨボウ</t>
    </rPh>
    <rPh sb="39" eb="42">
      <t>ジギョウショ</t>
    </rPh>
    <phoneticPr fontId="4"/>
  </si>
  <si>
    <t>備考　１　この表は、事業所所在地以外の場所で一部事業を実施する出張所等がある場合について記載することとし、複数出張所等を有する場合は出張所ごとに提出してくださ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游ゴシック"/>
      <family val="2"/>
      <charset val="128"/>
      <scheme val="minor"/>
    </font>
    <font>
      <sz val="11"/>
      <name val="ＭＳ Ｐゴシック"/>
      <family val="3"/>
      <charset val="128"/>
    </font>
    <font>
      <sz val="16"/>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u/>
      <sz val="11"/>
      <color indexed="36"/>
      <name val="ＭＳ Ｐゴシック"/>
      <family val="3"/>
      <charset val="128"/>
    </font>
    <font>
      <sz val="11"/>
      <name val="HGｺﾞｼｯｸM"/>
      <family val="3"/>
      <charset val="128"/>
    </font>
    <font>
      <strike/>
      <sz val="11"/>
      <name val="HGSｺﾞｼｯｸM"/>
      <family val="3"/>
      <charset val="128"/>
    </font>
    <font>
      <sz val="11"/>
      <color theme="1"/>
      <name val="HGSｺﾞｼｯｸM"/>
      <family val="3"/>
      <charset val="128"/>
    </font>
    <font>
      <sz val="11"/>
      <color theme="1"/>
      <name val="ＭＳ Ｐゴシック"/>
      <family val="3"/>
      <charset val="128"/>
    </font>
    <font>
      <sz val="14"/>
      <name val="HGSｺﾞｼｯｸM"/>
      <family val="3"/>
      <charset val="128"/>
    </font>
    <font>
      <b/>
      <sz val="12"/>
      <name val="HGSｺﾞｼｯｸM"/>
      <family val="3"/>
      <charset val="128"/>
    </font>
    <font>
      <strike/>
      <sz val="11"/>
      <name val="ＭＳ Ｐゴシック"/>
      <family val="3"/>
      <charset val="128"/>
    </font>
  </fonts>
  <fills count="4">
    <fill>
      <patternFill patternType="none"/>
    </fill>
    <fill>
      <patternFill patternType="gray125"/>
    </fill>
    <fill>
      <patternFill patternType="solid">
        <fgColor theme="0"/>
        <bgColor indexed="64"/>
      </patternFill>
    </fill>
    <fill>
      <patternFill patternType="solid">
        <fgColor rgb="FF92D050"/>
        <bgColor indexed="64"/>
      </patternFill>
    </fill>
  </fills>
  <borders count="45">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style="thin">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style="thin">
        <color indexed="64"/>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dashed">
        <color indexed="64"/>
      </top>
      <bottom style="dashed">
        <color indexed="64"/>
      </bottom>
      <diagonal/>
    </border>
    <border>
      <left style="dashed">
        <color indexed="64"/>
      </left>
      <right/>
      <top style="dashed">
        <color indexed="64"/>
      </top>
      <bottom style="dashed">
        <color indexed="64"/>
      </bottom>
      <diagonal/>
    </border>
    <border>
      <left style="thin">
        <color indexed="64"/>
      </left>
      <right/>
      <top style="dashed">
        <color indexed="64"/>
      </top>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thin">
        <color indexed="64"/>
      </top>
      <bottom style="dashed">
        <color indexed="64"/>
      </bottom>
      <diagonal/>
    </border>
    <border>
      <left style="thin">
        <color indexed="64"/>
      </left>
      <right/>
      <top/>
      <bottom style="dashed">
        <color indexed="64"/>
      </bottom>
      <diagonal/>
    </border>
    <border>
      <left style="dashed">
        <color indexed="64"/>
      </left>
      <right style="thin">
        <color indexed="64"/>
      </right>
      <top style="thin">
        <color indexed="64"/>
      </top>
      <bottom style="thin">
        <color indexed="64"/>
      </bottom>
      <diagonal/>
    </border>
  </borders>
  <cellStyleXfs count="2">
    <xf numFmtId="0" fontId="0" fillId="0" borderId="0">
      <alignment vertical="center"/>
    </xf>
    <xf numFmtId="0" fontId="1" fillId="0" borderId="0"/>
  </cellStyleXfs>
  <cellXfs count="271">
    <xf numFmtId="0" fontId="0" fillId="0" borderId="0" xfId="0">
      <alignment vertical="center"/>
    </xf>
    <xf numFmtId="0" fontId="2" fillId="2" borderId="0" xfId="1" applyFont="1" applyFill="1" applyAlignment="1">
      <alignment horizontal="left" vertical="center"/>
    </xf>
    <xf numFmtId="0" fontId="5" fillId="2" borderId="0" xfId="1" applyFont="1" applyFill="1" applyAlignment="1">
      <alignment horizontal="left" vertical="center"/>
    </xf>
    <xf numFmtId="0" fontId="1" fillId="2" borderId="0" xfId="1" applyFill="1" applyAlignment="1">
      <alignment horizontal="left" vertical="center"/>
    </xf>
    <xf numFmtId="0" fontId="2" fillId="2" borderId="0" xfId="1" applyFont="1" applyFill="1" applyAlignment="1">
      <alignment horizontal="center" vertical="center"/>
    </xf>
    <xf numFmtId="0" fontId="5" fillId="2" borderId="0" xfId="1" applyFont="1" applyFill="1" applyAlignment="1">
      <alignment horizontal="center" vertical="center"/>
    </xf>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3"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5" xfId="1" applyFont="1" applyFill="1" applyBorder="1" applyAlignment="1">
      <alignment horizontal="center" vertical="center"/>
    </xf>
    <xf numFmtId="0" fontId="5" fillId="2" borderId="3" xfId="1" applyFont="1" applyFill="1" applyBorder="1" applyAlignment="1">
      <alignment horizontal="center" vertical="center"/>
    </xf>
    <xf numFmtId="0" fontId="1" fillId="2" borderId="1" xfId="1" applyFill="1" applyBorder="1" applyAlignment="1">
      <alignment horizontal="center" vertical="center"/>
    </xf>
    <xf numFmtId="0" fontId="1" fillId="2" borderId="3" xfId="1" applyFill="1" applyBorder="1" applyAlignment="1">
      <alignment horizontal="center" vertical="center"/>
    </xf>
    <xf numFmtId="0" fontId="5" fillId="2" borderId="6"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6" xfId="1" applyFont="1" applyFill="1" applyBorder="1" applyAlignment="1">
      <alignment horizontal="center" vertical="center"/>
    </xf>
    <xf numFmtId="0" fontId="5" fillId="2" borderId="8" xfId="1" applyFont="1" applyFill="1" applyBorder="1" applyAlignment="1">
      <alignment horizontal="left" vertical="center"/>
    </xf>
    <xf numFmtId="0" fontId="5" fillId="2" borderId="6" xfId="1" applyFont="1" applyFill="1" applyBorder="1" applyAlignment="1">
      <alignment horizontal="left" vertical="center"/>
    </xf>
    <xf numFmtId="0" fontId="1" fillId="2" borderId="8" xfId="1" applyFill="1" applyBorder="1" applyAlignment="1">
      <alignment horizontal="left" vertical="center"/>
    </xf>
    <xf numFmtId="0" fontId="5" fillId="2" borderId="9" xfId="1" applyFont="1" applyFill="1" applyBorder="1" applyAlignment="1">
      <alignment horizontal="left" vertical="center"/>
    </xf>
    <xf numFmtId="0" fontId="1" fillId="2" borderId="0" xfId="1" applyFill="1" applyAlignment="1">
      <alignment horizontal="center" vertical="center"/>
    </xf>
    <xf numFmtId="0" fontId="5" fillId="2" borderId="7" xfId="1" applyFont="1" applyFill="1" applyBorder="1" applyAlignment="1">
      <alignment vertical="center"/>
    </xf>
    <xf numFmtId="0" fontId="5" fillId="2" borderId="7" xfId="1" applyFont="1" applyFill="1" applyBorder="1" applyAlignment="1">
      <alignment vertical="center" wrapText="1"/>
    </xf>
    <xf numFmtId="0" fontId="5" fillId="2" borderId="8" xfId="1" applyFont="1" applyFill="1" applyBorder="1" applyAlignment="1">
      <alignment vertical="center" wrapText="1"/>
    </xf>
    <xf numFmtId="0" fontId="5" fillId="2" borderId="10" xfId="1" applyFont="1" applyFill="1" applyBorder="1" applyAlignment="1">
      <alignment horizontal="center" vertical="center"/>
    </xf>
    <xf numFmtId="0" fontId="5" fillId="2" borderId="11"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13" xfId="1" applyFont="1" applyFill="1" applyBorder="1" applyAlignment="1">
      <alignment horizontal="center" vertical="center"/>
    </xf>
    <xf numFmtId="0" fontId="5" fillId="2" borderId="14" xfId="1" applyFont="1" applyFill="1" applyBorder="1" applyAlignment="1">
      <alignment horizontal="center" vertical="center"/>
    </xf>
    <xf numFmtId="0" fontId="5" fillId="2" borderId="15" xfId="1" applyFont="1" applyFill="1" applyBorder="1" applyAlignment="1">
      <alignment horizontal="center" vertical="center"/>
    </xf>
    <xf numFmtId="0" fontId="5" fillId="2" borderId="13" xfId="1" applyFont="1" applyFill="1" applyBorder="1" applyAlignment="1">
      <alignment horizontal="center" vertical="center"/>
    </xf>
    <xf numFmtId="0" fontId="5" fillId="2" borderId="15" xfId="1" applyFont="1" applyFill="1" applyBorder="1" applyAlignment="1">
      <alignment horizontal="left" vertical="center"/>
    </xf>
    <xf numFmtId="0" fontId="5" fillId="2" borderId="13" xfId="1" applyFont="1" applyFill="1" applyBorder="1" applyAlignment="1">
      <alignment horizontal="left" vertical="center"/>
    </xf>
    <xf numFmtId="0" fontId="1" fillId="2" borderId="15" xfId="1" applyFill="1" applyBorder="1" applyAlignment="1">
      <alignment horizontal="left" vertical="center"/>
    </xf>
    <xf numFmtId="0" fontId="5" fillId="2" borderId="16" xfId="1" applyFont="1" applyFill="1" applyBorder="1" applyAlignment="1">
      <alignment horizontal="left" vertical="center"/>
    </xf>
    <xf numFmtId="0" fontId="1" fillId="2" borderId="13" xfId="1" applyFill="1" applyBorder="1" applyAlignment="1">
      <alignment horizontal="center" vertical="center"/>
    </xf>
    <xf numFmtId="0" fontId="5" fillId="2" borderId="14" xfId="1" applyFont="1" applyFill="1" applyBorder="1" applyAlignment="1">
      <alignment vertical="center"/>
    </xf>
    <xf numFmtId="0" fontId="5" fillId="2" borderId="14" xfId="1" applyFont="1" applyFill="1" applyBorder="1" applyAlignment="1">
      <alignment vertical="center" wrapText="1"/>
    </xf>
    <xf numFmtId="0" fontId="1" fillId="2" borderId="14" xfId="1" applyFill="1" applyBorder="1" applyAlignment="1">
      <alignment horizontal="center" vertical="center"/>
    </xf>
    <xf numFmtId="0" fontId="5" fillId="2" borderId="15" xfId="1" applyFont="1" applyFill="1" applyBorder="1" applyAlignment="1">
      <alignment vertical="center" wrapText="1"/>
    </xf>
    <xf numFmtId="0" fontId="5" fillId="2" borderId="17" xfId="1" applyFont="1" applyFill="1" applyBorder="1" applyAlignment="1">
      <alignment horizontal="center" vertical="center"/>
    </xf>
    <xf numFmtId="0" fontId="5" fillId="2" borderId="18" xfId="1" applyFont="1" applyFill="1" applyBorder="1" applyAlignment="1">
      <alignment horizontal="center" vertical="center"/>
    </xf>
    <xf numFmtId="0" fontId="5" fillId="2" borderId="19" xfId="1" applyFont="1" applyFill="1" applyBorder="1" applyAlignment="1">
      <alignment horizontal="center" vertical="center"/>
    </xf>
    <xf numFmtId="0" fontId="5" fillId="2" borderId="20" xfId="1" applyFont="1" applyFill="1" applyBorder="1" applyAlignment="1">
      <alignment vertical="center"/>
    </xf>
    <xf numFmtId="0" fontId="5" fillId="2" borderId="21" xfId="1" applyFont="1" applyFill="1" applyBorder="1" applyAlignment="1">
      <alignment horizontal="center" vertical="center"/>
    </xf>
    <xf numFmtId="0" fontId="5" fillId="2" borderId="22" xfId="1" applyFont="1" applyFill="1" applyBorder="1" applyAlignment="1">
      <alignment vertical="center"/>
    </xf>
    <xf numFmtId="0" fontId="5" fillId="2" borderId="20" xfId="1" applyFont="1" applyFill="1" applyBorder="1" applyAlignment="1">
      <alignment horizontal="left" vertical="center"/>
    </xf>
    <xf numFmtId="0" fontId="5" fillId="2" borderId="21" xfId="1" applyFont="1" applyFill="1" applyBorder="1" applyAlignment="1">
      <alignment vertical="center" wrapText="1"/>
    </xf>
    <xf numFmtId="0" fontId="5" fillId="2" borderId="20" xfId="1" applyFont="1" applyFill="1" applyBorder="1" applyAlignment="1">
      <alignment horizontal="left" vertical="center" wrapText="1"/>
    </xf>
    <xf numFmtId="0" fontId="5" fillId="2" borderId="21" xfId="1" applyFont="1" applyFill="1" applyBorder="1" applyAlignment="1">
      <alignment vertical="center"/>
    </xf>
    <xf numFmtId="0" fontId="5" fillId="2" borderId="23" xfId="1" applyFont="1" applyFill="1" applyBorder="1" applyAlignment="1">
      <alignment vertical="center"/>
    </xf>
    <xf numFmtId="0" fontId="1" fillId="2" borderId="24" xfId="1" applyFill="1" applyBorder="1" applyAlignment="1">
      <alignment horizontal="center" vertical="center"/>
    </xf>
    <xf numFmtId="0" fontId="5" fillId="2" borderId="25" xfId="1" applyFont="1" applyFill="1" applyBorder="1" applyAlignment="1">
      <alignment vertical="center"/>
    </xf>
    <xf numFmtId="0" fontId="1" fillId="2" borderId="25" xfId="1" applyFill="1" applyBorder="1" applyAlignment="1">
      <alignment vertical="center"/>
    </xf>
    <xf numFmtId="0" fontId="5" fillId="2" borderId="25" xfId="1" applyFont="1" applyFill="1" applyBorder="1" applyAlignment="1">
      <alignment horizontal="left" vertical="center" wrapText="1"/>
    </xf>
    <xf numFmtId="0" fontId="1" fillId="2" borderId="25" xfId="1" applyFill="1" applyBorder="1" applyAlignment="1">
      <alignment horizontal="center" vertical="center"/>
    </xf>
    <xf numFmtId="0" fontId="1" fillId="2" borderId="25" xfId="1" applyFill="1" applyBorder="1" applyAlignment="1">
      <alignment horizontal="left" vertical="center"/>
    </xf>
    <xf numFmtId="0" fontId="1" fillId="2" borderId="26" xfId="1" applyFill="1" applyBorder="1" applyAlignment="1">
      <alignment horizontal="left" vertical="center"/>
    </xf>
    <xf numFmtId="0" fontId="5" fillId="2" borderId="8" xfId="1" applyFont="1" applyFill="1" applyBorder="1" applyAlignment="1">
      <alignment vertical="top"/>
    </xf>
    <xf numFmtId="0" fontId="5" fillId="2" borderId="22" xfId="1" applyFont="1" applyFill="1" applyBorder="1" applyAlignment="1">
      <alignment vertical="center" wrapText="1"/>
    </xf>
    <xf numFmtId="0" fontId="1" fillId="2" borderId="21" xfId="1" applyFill="1" applyBorder="1" applyAlignment="1">
      <alignment vertical="center"/>
    </xf>
    <xf numFmtId="0" fontId="5" fillId="2" borderId="27" xfId="1" applyFont="1" applyFill="1" applyBorder="1" applyAlignment="1">
      <alignment horizontal="left" vertical="center" shrinkToFit="1"/>
    </xf>
    <xf numFmtId="0" fontId="5" fillId="2" borderId="28" xfId="1" applyFont="1" applyFill="1" applyBorder="1" applyAlignment="1">
      <alignment vertical="center"/>
    </xf>
    <xf numFmtId="0" fontId="1" fillId="2" borderId="28" xfId="1" applyFill="1" applyBorder="1" applyAlignment="1">
      <alignment vertical="center"/>
    </xf>
    <xf numFmtId="0" fontId="5" fillId="2" borderId="29"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vertical="top"/>
    </xf>
    <xf numFmtId="0" fontId="5" fillId="2" borderId="21" xfId="1" applyFont="1" applyFill="1" applyBorder="1" applyAlignment="1">
      <alignment vertical="top"/>
    </xf>
    <xf numFmtId="0" fontId="5" fillId="2" borderId="30" xfId="1" applyFont="1" applyFill="1" applyBorder="1" applyAlignment="1">
      <alignment horizontal="left" vertical="center" wrapText="1"/>
    </xf>
    <xf numFmtId="0" fontId="5" fillId="2" borderId="31" xfId="1" applyFont="1" applyFill="1" applyBorder="1" applyAlignment="1">
      <alignment horizontal="center" vertical="center" wrapText="1"/>
    </xf>
    <xf numFmtId="0" fontId="5" fillId="2" borderId="31" xfId="1" applyFont="1" applyFill="1" applyBorder="1" applyAlignment="1">
      <alignment horizontal="left" vertical="center"/>
    </xf>
    <xf numFmtId="0" fontId="1" fillId="2" borderId="31" xfId="1" applyFill="1" applyBorder="1" applyAlignment="1">
      <alignment vertical="center"/>
    </xf>
    <xf numFmtId="0" fontId="1" fillId="2" borderId="32" xfId="1" applyFill="1" applyBorder="1" applyAlignment="1">
      <alignment vertical="center"/>
    </xf>
    <xf numFmtId="0" fontId="5" fillId="2" borderId="27" xfId="1" applyFont="1" applyFill="1" applyBorder="1" applyAlignment="1">
      <alignment horizontal="left" vertical="center" wrapText="1"/>
    </xf>
    <xf numFmtId="0" fontId="5" fillId="2" borderId="28" xfId="1" applyFont="1" applyFill="1" applyBorder="1" applyAlignment="1">
      <alignment horizontal="center" vertical="center" wrapText="1"/>
    </xf>
    <xf numFmtId="0" fontId="5" fillId="2" borderId="28" xfId="1" applyFont="1" applyFill="1" applyBorder="1" applyAlignment="1">
      <alignment horizontal="left" vertical="center"/>
    </xf>
    <xf numFmtId="0" fontId="1" fillId="2" borderId="28" xfId="1" applyFill="1" applyBorder="1" applyAlignment="1">
      <alignment horizontal="left" vertical="center"/>
    </xf>
    <xf numFmtId="0" fontId="1" fillId="2" borderId="29" xfId="1" applyFill="1" applyBorder="1" applyAlignment="1">
      <alignment horizontal="left" vertical="center"/>
    </xf>
    <xf numFmtId="0" fontId="5" fillId="2" borderId="20" xfId="1" applyFont="1" applyFill="1" applyBorder="1" applyAlignment="1">
      <alignment vertical="top"/>
    </xf>
    <xf numFmtId="0" fontId="5" fillId="2" borderId="33" xfId="1" applyFont="1" applyFill="1" applyBorder="1" applyAlignment="1">
      <alignment horizontal="left" vertical="center" shrinkToFit="1"/>
    </xf>
    <xf numFmtId="0" fontId="1" fillId="2" borderId="31" xfId="1" applyFill="1" applyBorder="1" applyAlignment="1">
      <alignment horizontal="center" vertical="center"/>
    </xf>
    <xf numFmtId="0" fontId="5" fillId="2" borderId="31" xfId="1" applyFont="1" applyFill="1" applyBorder="1" applyAlignment="1">
      <alignment vertical="center"/>
    </xf>
    <xf numFmtId="0" fontId="1" fillId="2" borderId="26" xfId="1" applyFill="1" applyBorder="1" applyAlignment="1">
      <alignment vertical="center"/>
    </xf>
    <xf numFmtId="0" fontId="1" fillId="2" borderId="20" xfId="1" applyFill="1" applyBorder="1" applyAlignment="1">
      <alignment horizontal="center" vertical="center"/>
    </xf>
    <xf numFmtId="0" fontId="5" fillId="2" borderId="33" xfId="1" applyFont="1" applyFill="1" applyBorder="1" applyAlignment="1">
      <alignment vertical="center"/>
    </xf>
    <xf numFmtId="0" fontId="1" fillId="2" borderId="34" xfId="1" applyFill="1" applyBorder="1" applyAlignment="1">
      <alignment horizontal="center" vertical="center"/>
    </xf>
    <xf numFmtId="0" fontId="5" fillId="2" borderId="24" xfId="1" applyFont="1" applyFill="1" applyBorder="1" applyAlignment="1">
      <alignment vertical="center"/>
    </xf>
    <xf numFmtId="0" fontId="5" fillId="2" borderId="25" xfId="1" applyFont="1" applyFill="1" applyBorder="1" applyAlignment="1">
      <alignment horizontal="left" vertical="center"/>
    </xf>
    <xf numFmtId="0" fontId="5" fillId="2" borderId="26" xfId="1" applyFont="1" applyFill="1" applyBorder="1" applyAlignment="1">
      <alignment vertical="center"/>
    </xf>
    <xf numFmtId="0" fontId="5" fillId="2" borderId="33" xfId="1" applyFont="1" applyFill="1" applyBorder="1" applyAlignment="1">
      <alignment horizontal="left" vertical="center" wrapText="1"/>
    </xf>
    <xf numFmtId="0" fontId="5" fillId="2" borderId="30" xfId="1" applyFont="1" applyFill="1" applyBorder="1" applyAlignment="1">
      <alignment horizontal="left" vertical="center" wrapText="1"/>
    </xf>
    <xf numFmtId="0" fontId="1" fillId="2" borderId="35" xfId="1" applyFill="1" applyBorder="1" applyAlignment="1">
      <alignment horizontal="center" vertical="center"/>
    </xf>
    <xf numFmtId="0" fontId="1" fillId="2" borderId="31" xfId="1" applyFill="1" applyBorder="1" applyAlignment="1">
      <alignment horizontal="left" vertical="center"/>
    </xf>
    <xf numFmtId="0" fontId="1" fillId="2" borderId="32" xfId="1" applyFill="1" applyBorder="1" applyAlignment="1">
      <alignment horizontal="left" vertical="center"/>
    </xf>
    <xf numFmtId="0" fontId="5" fillId="2" borderId="13" xfId="1" applyFont="1" applyFill="1" applyBorder="1" applyAlignment="1">
      <alignment vertical="center"/>
    </xf>
    <xf numFmtId="0" fontId="5" fillId="2" borderId="15" xfId="1" applyFont="1" applyFill="1" applyBorder="1" applyAlignment="1">
      <alignment horizontal="center" vertical="center"/>
    </xf>
    <xf numFmtId="0" fontId="5" fillId="2" borderId="16" xfId="1" applyFont="1" applyFill="1" applyBorder="1" applyAlignment="1">
      <alignment vertical="center"/>
    </xf>
    <xf numFmtId="0" fontId="5" fillId="2" borderId="13" xfId="1" applyFont="1" applyFill="1" applyBorder="1" applyAlignment="1">
      <alignment horizontal="left" vertical="center" wrapText="1"/>
    </xf>
    <xf numFmtId="0" fontId="5" fillId="2" borderId="15" xfId="1" applyFont="1" applyFill="1" applyBorder="1" applyAlignment="1">
      <alignment vertical="center"/>
    </xf>
    <xf numFmtId="0" fontId="5" fillId="2" borderId="36" xfId="1" applyFont="1" applyFill="1" applyBorder="1" applyAlignment="1">
      <alignment vertical="center" wrapText="1"/>
    </xf>
    <xf numFmtId="0" fontId="1" fillId="2" borderId="37" xfId="1" applyFill="1" applyBorder="1" applyAlignment="1">
      <alignment horizontal="center" vertical="center"/>
    </xf>
    <xf numFmtId="0" fontId="5" fillId="2" borderId="38" xfId="1" applyFont="1" applyFill="1" applyBorder="1" applyAlignment="1">
      <alignment vertical="center"/>
    </xf>
    <xf numFmtId="0" fontId="1" fillId="2" borderId="38" xfId="1" applyFill="1" applyBorder="1" applyAlignment="1">
      <alignment horizontal="center" vertical="center"/>
    </xf>
    <xf numFmtId="0" fontId="5" fillId="2" borderId="38" xfId="1" applyFont="1" applyFill="1" applyBorder="1" applyAlignment="1">
      <alignment horizontal="left" vertical="center"/>
    </xf>
    <xf numFmtId="0" fontId="5" fillId="2" borderId="39" xfId="1" applyFont="1" applyFill="1" applyBorder="1" applyAlignment="1">
      <alignment horizontal="left" vertical="center"/>
    </xf>
    <xf numFmtId="0" fontId="5" fillId="2" borderId="14" xfId="1" applyFont="1" applyFill="1" applyBorder="1" applyAlignment="1">
      <alignment vertical="top"/>
    </xf>
    <xf numFmtId="0" fontId="5" fillId="2" borderId="15" xfId="1" applyFont="1" applyFill="1" applyBorder="1" applyAlignment="1">
      <alignment vertical="top"/>
    </xf>
    <xf numFmtId="0" fontId="5" fillId="2" borderId="13" xfId="1" applyFont="1" applyFill="1" applyBorder="1" applyAlignment="1">
      <alignment vertical="top"/>
    </xf>
    <xf numFmtId="0" fontId="5" fillId="2" borderId="40" xfId="1" applyFont="1" applyFill="1" applyBorder="1" applyAlignment="1">
      <alignment vertical="center"/>
    </xf>
    <xf numFmtId="0" fontId="1" fillId="2" borderId="40" xfId="1" applyFill="1" applyBorder="1" applyAlignment="1">
      <alignment horizontal="left" vertical="center"/>
    </xf>
    <xf numFmtId="0" fontId="1" fillId="2" borderId="41" xfId="1" applyFill="1" applyBorder="1" applyAlignment="1">
      <alignment horizontal="left" vertical="center"/>
    </xf>
    <xf numFmtId="0" fontId="5" fillId="2" borderId="26" xfId="1" applyFont="1" applyFill="1" applyBorder="1" applyAlignment="1">
      <alignment horizontal="left" vertical="center"/>
    </xf>
    <xf numFmtId="0" fontId="5" fillId="2" borderId="30" xfId="1" applyFont="1" applyFill="1" applyBorder="1" applyAlignment="1">
      <alignment horizontal="left" vertical="center" shrinkToFit="1"/>
    </xf>
    <xf numFmtId="0" fontId="5" fillId="2" borderId="31" xfId="1" applyFont="1" applyFill="1" applyBorder="1" applyAlignment="1">
      <alignment horizontal="left" vertical="center"/>
    </xf>
    <xf numFmtId="0" fontId="5" fillId="2" borderId="32" xfId="1" applyFont="1" applyFill="1" applyBorder="1" applyAlignment="1">
      <alignment horizontal="left" vertical="center"/>
    </xf>
    <xf numFmtId="0" fontId="5" fillId="2" borderId="22" xfId="1" applyFont="1" applyFill="1" applyBorder="1" applyAlignment="1">
      <alignment horizontal="left" vertical="center" shrinkToFit="1"/>
    </xf>
    <xf numFmtId="0" fontId="7" fillId="2" borderId="0" xfId="1" applyFont="1" applyFill="1" applyAlignment="1">
      <alignment horizontal="left" vertical="center"/>
    </xf>
    <xf numFmtId="0" fontId="1" fillId="2" borderId="21" xfId="1" applyFill="1" applyBorder="1" applyAlignment="1">
      <alignment horizontal="left" vertical="center"/>
    </xf>
    <xf numFmtId="0" fontId="5" fillId="2" borderId="27" xfId="1" applyFont="1" applyFill="1" applyBorder="1" applyAlignment="1">
      <alignment horizontal="left" vertical="center" shrinkToFit="1"/>
    </xf>
    <xf numFmtId="0" fontId="5" fillId="0" borderId="0" xfId="1" applyFont="1" applyAlignment="1">
      <alignment horizontal="left" vertical="center"/>
    </xf>
    <xf numFmtId="0" fontId="5" fillId="2" borderId="6" xfId="1" applyFont="1" applyFill="1" applyBorder="1" applyAlignment="1">
      <alignment vertical="center"/>
    </xf>
    <xf numFmtId="0" fontId="5" fillId="2" borderId="8" xfId="1" applyFont="1" applyFill="1" applyBorder="1" applyAlignment="1">
      <alignment horizontal="center" vertical="center"/>
    </xf>
    <xf numFmtId="0" fontId="5" fillId="2" borderId="9" xfId="1" applyFont="1" applyFill="1" applyBorder="1" applyAlignment="1">
      <alignment vertical="center" wrapText="1"/>
    </xf>
    <xf numFmtId="0" fontId="5" fillId="2" borderId="6" xfId="1" applyFont="1" applyFill="1" applyBorder="1" applyAlignment="1">
      <alignment horizontal="left" vertical="center" wrapText="1"/>
    </xf>
    <xf numFmtId="0" fontId="1" fillId="2" borderId="8" xfId="1" applyFill="1" applyBorder="1" applyAlignment="1">
      <alignment vertical="center"/>
    </xf>
    <xf numFmtId="0" fontId="5" fillId="2" borderId="23" xfId="1" applyFont="1" applyFill="1" applyBorder="1" applyAlignment="1">
      <alignment horizontal="left" vertical="center" shrinkToFit="1"/>
    </xf>
    <xf numFmtId="0" fontId="1" fillId="2" borderId="42" xfId="1" applyFill="1" applyBorder="1" applyAlignment="1">
      <alignment horizontal="center" vertical="center"/>
    </xf>
    <xf numFmtId="0" fontId="5" fillId="2" borderId="40" xfId="1" applyFont="1" applyFill="1" applyBorder="1" applyAlignment="1">
      <alignment horizontal="left" vertical="center" wrapText="1"/>
    </xf>
    <xf numFmtId="0" fontId="1" fillId="2" borderId="40" xfId="1" applyFill="1" applyBorder="1" applyAlignment="1">
      <alignment horizontal="center" vertical="center"/>
    </xf>
    <xf numFmtId="0" fontId="5" fillId="2" borderId="40" xfId="1" applyFont="1" applyFill="1" applyBorder="1" applyAlignment="1">
      <alignment horizontal="left" vertical="center"/>
    </xf>
    <xf numFmtId="0" fontId="5" fillId="2" borderId="41" xfId="1" applyFont="1" applyFill="1" applyBorder="1" applyAlignment="1">
      <alignment horizontal="left" vertical="center"/>
    </xf>
    <xf numFmtId="0" fontId="1" fillId="2" borderId="7" xfId="1" applyFill="1" applyBorder="1" applyAlignment="1">
      <alignment horizontal="center" vertical="center"/>
    </xf>
    <xf numFmtId="0" fontId="5" fillId="2" borderId="43" xfId="1" applyFont="1" applyFill="1" applyBorder="1" applyAlignment="1">
      <alignment vertical="center"/>
    </xf>
    <xf numFmtId="0" fontId="1" fillId="2" borderId="43" xfId="1" applyFill="1" applyBorder="1" applyAlignment="1">
      <alignment horizontal="center" vertical="center"/>
    </xf>
    <xf numFmtId="0" fontId="5" fillId="2" borderId="28" xfId="1" applyFont="1" applyFill="1" applyBorder="1" applyAlignment="1">
      <alignment horizontal="left" vertical="center" wrapText="1"/>
    </xf>
    <xf numFmtId="0" fontId="1" fillId="2" borderId="28" xfId="1" applyFill="1" applyBorder="1" applyAlignment="1">
      <alignment horizontal="center" vertical="center"/>
    </xf>
    <xf numFmtId="0" fontId="1" fillId="2" borderId="35" xfId="1" applyFill="1" applyBorder="1" applyAlignment="1">
      <alignment horizontal="center" vertical="center"/>
    </xf>
    <xf numFmtId="0" fontId="1" fillId="2" borderId="31" xfId="1" applyFill="1" applyBorder="1" applyAlignment="1">
      <alignment horizontal="center" vertical="center"/>
    </xf>
    <xf numFmtId="0" fontId="5" fillId="2" borderId="22" xfId="1" applyFont="1" applyFill="1" applyBorder="1" applyAlignment="1">
      <alignment horizontal="left" vertical="center" wrapText="1"/>
    </xf>
    <xf numFmtId="0" fontId="1" fillId="2" borderId="20" xfId="1" applyFill="1" applyBorder="1" applyAlignment="1">
      <alignment horizontal="center" vertical="center"/>
    </xf>
    <xf numFmtId="0" fontId="5" fillId="2" borderId="0" xfId="1" applyFont="1" applyFill="1" applyAlignment="1">
      <alignment horizontal="left" vertical="center"/>
    </xf>
    <xf numFmtId="0" fontId="1" fillId="2" borderId="0" xfId="1" applyFill="1" applyAlignment="1">
      <alignment horizontal="center" vertical="center"/>
    </xf>
    <xf numFmtId="0" fontId="5" fillId="2" borderId="21" xfId="1" applyFont="1" applyFill="1" applyBorder="1" applyAlignment="1">
      <alignment horizontal="left" vertical="center"/>
    </xf>
    <xf numFmtId="0" fontId="1" fillId="2" borderId="43" xfId="1" applyFill="1" applyBorder="1" applyAlignment="1">
      <alignment horizontal="center" vertical="center"/>
    </xf>
    <xf numFmtId="0" fontId="1" fillId="2" borderId="28" xfId="1" applyFill="1" applyBorder="1" applyAlignment="1">
      <alignment horizontal="center" vertical="center"/>
    </xf>
    <xf numFmtId="0" fontId="5" fillId="2" borderId="28" xfId="1" applyFont="1" applyFill="1" applyBorder="1" applyAlignment="1">
      <alignment horizontal="left" vertical="center"/>
    </xf>
    <xf numFmtId="0" fontId="5" fillId="2" borderId="29" xfId="1" applyFont="1" applyFill="1" applyBorder="1" applyAlignment="1">
      <alignment horizontal="left" vertical="center"/>
    </xf>
    <xf numFmtId="0" fontId="5" fillId="2" borderId="32" xfId="1" applyFont="1" applyFill="1" applyBorder="1" applyAlignment="1">
      <alignment vertical="center"/>
    </xf>
    <xf numFmtId="0" fontId="5" fillId="2" borderId="31" xfId="1" applyFont="1" applyFill="1" applyBorder="1" applyAlignment="1">
      <alignment horizontal="center" vertical="center" wrapText="1"/>
    </xf>
    <xf numFmtId="0" fontId="5" fillId="2" borderId="33" xfId="1" applyFont="1" applyFill="1" applyBorder="1" applyAlignment="1">
      <alignment horizontal="left" vertical="center"/>
    </xf>
    <xf numFmtId="0" fontId="8" fillId="2" borderId="25" xfId="1" applyFont="1" applyFill="1" applyBorder="1" applyAlignment="1">
      <alignment horizontal="left" vertical="center"/>
    </xf>
    <xf numFmtId="0" fontId="8" fillId="2" borderId="26" xfId="1" applyFont="1" applyFill="1" applyBorder="1" applyAlignment="1">
      <alignment horizontal="left" vertical="center"/>
    </xf>
    <xf numFmtId="0" fontId="5" fillId="2" borderId="27" xfId="1" applyFont="1" applyFill="1" applyBorder="1" applyAlignment="1">
      <alignment horizontal="left" vertical="center" wrapText="1"/>
    </xf>
    <xf numFmtId="0" fontId="5" fillId="2" borderId="30" xfId="1" applyFont="1" applyFill="1" applyBorder="1" applyAlignment="1">
      <alignment vertical="center"/>
    </xf>
    <xf numFmtId="0" fontId="1" fillId="2" borderId="6" xfId="1" applyFill="1" applyBorder="1" applyAlignment="1">
      <alignment horizontal="center" vertical="center"/>
    </xf>
    <xf numFmtId="0" fontId="5" fillId="2" borderId="6" xfId="1" applyFont="1" applyFill="1" applyBorder="1" applyAlignment="1">
      <alignment vertical="center" wrapText="1"/>
    </xf>
    <xf numFmtId="0" fontId="1" fillId="2" borderId="40" xfId="1" applyFill="1" applyBorder="1" applyAlignment="1">
      <alignment vertical="center"/>
    </xf>
    <xf numFmtId="0" fontId="5" fillId="2" borderId="20" xfId="1" applyFont="1" applyFill="1" applyBorder="1" applyAlignment="1">
      <alignment vertical="center" wrapText="1"/>
    </xf>
    <xf numFmtId="0" fontId="5" fillId="2" borderId="30" xfId="1" applyFont="1" applyFill="1" applyBorder="1" applyAlignment="1">
      <alignment horizontal="left" vertical="center" wrapText="1" shrinkToFit="1"/>
    </xf>
    <xf numFmtId="0" fontId="5" fillId="2" borderId="27" xfId="1" applyFont="1" applyFill="1" applyBorder="1" applyAlignment="1">
      <alignment horizontal="left" vertical="center" wrapText="1" shrinkToFit="1"/>
    </xf>
    <xf numFmtId="0" fontId="5" fillId="2" borderId="22" xfId="1" applyFont="1" applyFill="1" applyBorder="1" applyAlignment="1">
      <alignment vertical="center" shrinkToFit="1"/>
    </xf>
    <xf numFmtId="0" fontId="5" fillId="2" borderId="31" xfId="1" applyFont="1" applyFill="1" applyBorder="1" applyAlignment="1">
      <alignment horizontal="left" vertical="center" wrapText="1"/>
    </xf>
    <xf numFmtId="0" fontId="1" fillId="2" borderId="29" xfId="1" applyFill="1" applyBorder="1" applyAlignment="1">
      <alignment vertical="center"/>
    </xf>
    <xf numFmtId="0" fontId="5" fillId="2" borderId="33" xfId="1" applyFont="1" applyFill="1" applyBorder="1" applyAlignment="1">
      <alignment vertical="center" wrapText="1"/>
    </xf>
    <xf numFmtId="14" fontId="5" fillId="0" borderId="0" xfId="1" applyNumberFormat="1" applyFont="1" applyAlignment="1">
      <alignment horizontal="left" vertical="center"/>
    </xf>
    <xf numFmtId="0" fontId="9" fillId="2" borderId="20" xfId="1" applyFont="1" applyFill="1" applyBorder="1" applyAlignment="1">
      <alignment vertical="center"/>
    </xf>
    <xf numFmtId="0" fontId="9" fillId="2" borderId="21" xfId="1" applyFont="1" applyFill="1" applyBorder="1" applyAlignment="1">
      <alignment horizontal="center" vertical="center"/>
    </xf>
    <xf numFmtId="0" fontId="9" fillId="2" borderId="22" xfId="1" applyFont="1" applyFill="1" applyBorder="1" applyAlignment="1">
      <alignment vertical="center"/>
    </xf>
    <xf numFmtId="0" fontId="9" fillId="2" borderId="20" xfId="1" applyFont="1" applyFill="1" applyBorder="1" applyAlignment="1">
      <alignment horizontal="left" vertical="center"/>
    </xf>
    <xf numFmtId="0" fontId="9" fillId="2" borderId="21" xfId="1" applyFont="1" applyFill="1" applyBorder="1" applyAlignment="1">
      <alignment vertical="center" wrapText="1"/>
    </xf>
    <xf numFmtId="0" fontId="9" fillId="2" borderId="20" xfId="1" applyFont="1" applyFill="1" applyBorder="1" applyAlignment="1">
      <alignment horizontal="left" vertical="center" wrapText="1"/>
    </xf>
    <xf numFmtId="0" fontId="9" fillId="2" borderId="21" xfId="1" applyFont="1" applyFill="1" applyBorder="1" applyAlignment="1">
      <alignment vertical="center"/>
    </xf>
    <xf numFmtId="0" fontId="9" fillId="2" borderId="24" xfId="1" applyFont="1" applyFill="1" applyBorder="1" applyAlignment="1">
      <alignment vertical="center"/>
    </xf>
    <xf numFmtId="0" fontId="10" fillId="2" borderId="24" xfId="1" applyFont="1" applyFill="1" applyBorder="1" applyAlignment="1">
      <alignment horizontal="center" vertical="center"/>
    </xf>
    <xf numFmtId="0" fontId="9" fillId="2" borderId="25" xfId="1" applyFont="1" applyFill="1" applyBorder="1" applyAlignment="1">
      <alignment vertical="center"/>
    </xf>
    <xf numFmtId="0" fontId="10" fillId="2" borderId="25" xfId="1" applyFont="1" applyFill="1" applyBorder="1" applyAlignment="1">
      <alignment vertical="center"/>
    </xf>
    <xf numFmtId="0" fontId="9" fillId="2" borderId="25" xfId="1" applyFont="1" applyFill="1" applyBorder="1" applyAlignment="1">
      <alignment horizontal="left" vertical="center" wrapText="1"/>
    </xf>
    <xf numFmtId="0" fontId="10" fillId="2" borderId="25" xfId="1" applyFont="1" applyFill="1" applyBorder="1" applyAlignment="1">
      <alignment horizontal="center" vertical="center"/>
    </xf>
    <xf numFmtId="0" fontId="10" fillId="2" borderId="25" xfId="1" applyFont="1" applyFill="1" applyBorder="1" applyAlignment="1">
      <alignment horizontal="left" vertical="center"/>
    </xf>
    <xf numFmtId="0" fontId="10" fillId="2" borderId="26" xfId="1" applyFont="1" applyFill="1" applyBorder="1" applyAlignment="1">
      <alignment horizontal="left" vertical="center"/>
    </xf>
    <xf numFmtId="0" fontId="10" fillId="2" borderId="20" xfId="1" applyFont="1" applyFill="1" applyBorder="1" applyAlignment="1">
      <alignment horizontal="center" vertical="center"/>
    </xf>
    <xf numFmtId="0" fontId="9" fillId="2" borderId="0" xfId="1" applyFont="1" applyFill="1" applyAlignment="1">
      <alignment vertical="center"/>
    </xf>
    <xf numFmtId="0" fontId="9" fillId="2" borderId="0" xfId="1" applyFont="1" applyFill="1" applyAlignment="1">
      <alignment vertical="top"/>
    </xf>
    <xf numFmtId="0" fontId="9" fillId="2" borderId="21" xfId="1" applyFont="1" applyFill="1" applyBorder="1" applyAlignment="1">
      <alignment vertical="top"/>
    </xf>
    <xf numFmtId="0" fontId="9" fillId="2" borderId="0" xfId="1" applyFont="1" applyFill="1" applyAlignment="1">
      <alignment horizontal="left" vertical="center"/>
    </xf>
    <xf numFmtId="0" fontId="5" fillId="2" borderId="22" xfId="1" applyFont="1" applyFill="1" applyBorder="1" applyAlignment="1">
      <alignment horizontal="left" vertical="center"/>
    </xf>
    <xf numFmtId="0" fontId="1" fillId="2" borderId="8" xfId="1" applyFill="1" applyBorder="1" applyAlignment="1">
      <alignment vertical="center" wrapText="1"/>
    </xf>
    <xf numFmtId="0" fontId="1" fillId="2" borderId="21" xfId="1" applyFill="1" applyBorder="1" applyAlignment="1">
      <alignment vertical="center" wrapText="1"/>
    </xf>
    <xf numFmtId="0" fontId="5" fillId="2" borderId="44" xfId="1" applyFont="1" applyFill="1" applyBorder="1" applyAlignment="1">
      <alignment horizontal="center" vertical="center"/>
    </xf>
    <xf numFmtId="0" fontId="5" fillId="2" borderId="14" xfId="1" applyFont="1" applyFill="1" applyBorder="1" applyAlignment="1">
      <alignment horizontal="center" vertical="center"/>
    </xf>
    <xf numFmtId="0" fontId="5" fillId="2" borderId="14" xfId="1" applyFont="1" applyFill="1" applyBorder="1" applyAlignment="1">
      <alignment horizontal="left" vertical="center"/>
    </xf>
    <xf numFmtId="0" fontId="1" fillId="2" borderId="14" xfId="1" applyFill="1" applyBorder="1" applyAlignment="1">
      <alignment horizontal="left" vertical="center"/>
    </xf>
    <xf numFmtId="0" fontId="5" fillId="2" borderId="8" xfId="1" applyFont="1" applyFill="1" applyBorder="1" applyAlignment="1">
      <alignment vertical="center"/>
    </xf>
    <xf numFmtId="0" fontId="5" fillId="2" borderId="26" xfId="1" applyFont="1" applyFill="1" applyBorder="1" applyAlignment="1">
      <alignment vertical="top"/>
    </xf>
    <xf numFmtId="0" fontId="5" fillId="2" borderId="27" xfId="1" applyFont="1" applyFill="1" applyBorder="1" applyAlignment="1">
      <alignment vertical="center" shrinkToFit="1"/>
    </xf>
    <xf numFmtId="0" fontId="5" fillId="2" borderId="30" xfId="1" applyFont="1" applyFill="1" applyBorder="1" applyAlignment="1">
      <alignment vertical="center" wrapText="1"/>
    </xf>
    <xf numFmtId="0" fontId="1" fillId="2" borderId="31" xfId="1" applyFill="1" applyBorder="1" applyAlignment="1">
      <alignment horizontal="center" vertical="center" wrapText="1"/>
    </xf>
    <xf numFmtId="0" fontId="5" fillId="2" borderId="27" xfId="1" applyFont="1" applyFill="1" applyBorder="1" applyAlignment="1">
      <alignment vertical="center" wrapText="1"/>
    </xf>
    <xf numFmtId="0" fontId="1" fillId="2" borderId="28" xfId="1" applyFill="1" applyBorder="1" applyAlignment="1">
      <alignment horizontal="center" vertical="center" wrapText="1"/>
    </xf>
    <xf numFmtId="0" fontId="5" fillId="2" borderId="33" xfId="1" applyFont="1" applyFill="1" applyBorder="1" applyAlignment="1">
      <alignment vertical="center" shrinkToFit="1"/>
    </xf>
    <xf numFmtId="0" fontId="1" fillId="2" borderId="38" xfId="1" applyFill="1" applyBorder="1" applyAlignment="1">
      <alignment horizontal="left" vertical="center"/>
    </xf>
    <xf numFmtId="0" fontId="1" fillId="2" borderId="39" xfId="1" applyFill="1" applyBorder="1" applyAlignment="1">
      <alignment horizontal="left" vertical="center"/>
    </xf>
    <xf numFmtId="0" fontId="5" fillId="2" borderId="41" xfId="1" applyFont="1" applyFill="1" applyBorder="1" applyAlignment="1">
      <alignment vertical="top"/>
    </xf>
    <xf numFmtId="0" fontId="5" fillId="2" borderId="16" xfId="1" applyFont="1" applyFill="1" applyBorder="1" applyAlignment="1">
      <alignment vertical="center" wrapText="1"/>
    </xf>
    <xf numFmtId="0" fontId="1" fillId="2" borderId="15" xfId="1" applyFill="1" applyBorder="1" applyAlignment="1">
      <alignment vertical="center"/>
    </xf>
    <xf numFmtId="0" fontId="5" fillId="2" borderId="36" xfId="1" applyFont="1" applyFill="1" applyBorder="1" applyAlignment="1">
      <alignment vertical="center" shrinkToFit="1"/>
    </xf>
    <xf numFmtId="0" fontId="5" fillId="2" borderId="39" xfId="1" applyFont="1" applyFill="1" applyBorder="1" applyAlignment="1">
      <alignment vertical="center"/>
    </xf>
    <xf numFmtId="0" fontId="5" fillId="2" borderId="27" xfId="1" applyFont="1" applyFill="1" applyBorder="1" applyAlignment="1">
      <alignment vertical="center"/>
    </xf>
    <xf numFmtId="0" fontId="1" fillId="2" borderId="35" xfId="1" applyFill="1" applyBorder="1" applyAlignment="1">
      <alignment horizontal="center" vertical="center" wrapText="1"/>
    </xf>
    <xf numFmtId="0" fontId="1" fillId="2" borderId="43" xfId="1" applyFill="1" applyBorder="1" applyAlignment="1">
      <alignment horizontal="center" vertical="center" wrapText="1"/>
    </xf>
    <xf numFmtId="0" fontId="8" fillId="2" borderId="25" xfId="1" applyFont="1" applyFill="1" applyBorder="1" applyAlignment="1">
      <alignment vertical="center"/>
    </xf>
    <xf numFmtId="0" fontId="8" fillId="2" borderId="26" xfId="1" applyFont="1" applyFill="1" applyBorder="1" applyAlignment="1">
      <alignment vertical="center"/>
    </xf>
    <xf numFmtId="0" fontId="1" fillId="2" borderId="38" xfId="1" applyFill="1" applyBorder="1" applyAlignment="1">
      <alignment vertical="center"/>
    </xf>
    <xf numFmtId="0" fontId="5" fillId="0" borderId="6" xfId="1" applyFont="1" applyBorder="1" applyAlignment="1">
      <alignment vertical="center"/>
    </xf>
    <xf numFmtId="0" fontId="5" fillId="0" borderId="8" xfId="1" applyFont="1" applyBorder="1" applyAlignment="1">
      <alignment horizontal="center" vertical="center"/>
    </xf>
    <xf numFmtId="0" fontId="5" fillId="0" borderId="8" xfId="1" applyFont="1" applyBorder="1" applyAlignment="1">
      <alignment vertical="center" wrapText="1"/>
    </xf>
    <xf numFmtId="0" fontId="5" fillId="0" borderId="6" xfId="1" applyFont="1" applyBorder="1" applyAlignment="1">
      <alignment vertical="center" wrapText="1"/>
    </xf>
    <xf numFmtId="0" fontId="5" fillId="0" borderId="6" xfId="1" applyFont="1" applyBorder="1" applyAlignment="1">
      <alignment horizontal="left" vertical="center" wrapText="1"/>
    </xf>
    <xf numFmtId="0" fontId="1" fillId="0" borderId="8" xfId="1" applyBorder="1" applyAlignment="1">
      <alignment vertical="center"/>
    </xf>
    <xf numFmtId="0" fontId="5" fillId="0" borderId="23" xfId="1" applyFont="1" applyBorder="1" applyAlignment="1">
      <alignment vertical="center" shrinkToFit="1"/>
    </xf>
    <xf numFmtId="0" fontId="1" fillId="0" borderId="42" xfId="1" applyBorder="1" applyAlignment="1">
      <alignment horizontal="center" vertical="center"/>
    </xf>
    <xf numFmtId="0" fontId="5" fillId="0" borderId="40" xfId="1" applyFont="1" applyBorder="1" applyAlignment="1">
      <alignment vertical="center"/>
    </xf>
    <xf numFmtId="0" fontId="5" fillId="0" borderId="40" xfId="1" applyFont="1" applyBorder="1" applyAlignment="1">
      <alignment horizontal="left" vertical="center" wrapText="1"/>
    </xf>
    <xf numFmtId="0" fontId="1" fillId="0" borderId="40" xfId="1" applyBorder="1" applyAlignment="1">
      <alignment horizontal="center" vertical="center"/>
    </xf>
    <xf numFmtId="0" fontId="5" fillId="0" borderId="40" xfId="1" applyFont="1" applyBorder="1" applyAlignment="1">
      <alignment horizontal="left" vertical="center"/>
    </xf>
    <xf numFmtId="0" fontId="5" fillId="0" borderId="41" xfId="1" applyFont="1" applyBorder="1" applyAlignment="1">
      <alignment vertical="center"/>
    </xf>
    <xf numFmtId="0" fontId="5" fillId="2" borderId="0" xfId="1" applyFont="1" applyFill="1" applyAlignment="1">
      <alignment horizontal="left" vertical="center" wrapText="1"/>
    </xf>
    <xf numFmtId="0" fontId="5" fillId="2" borderId="42" xfId="1" applyFont="1" applyFill="1" applyBorder="1" applyAlignment="1">
      <alignment vertical="center"/>
    </xf>
    <xf numFmtId="0" fontId="5" fillId="2" borderId="13" xfId="1" applyFont="1" applyFill="1" applyBorder="1" applyAlignment="1">
      <alignment vertical="center" wrapText="1"/>
    </xf>
    <xf numFmtId="0" fontId="5" fillId="2" borderId="23" xfId="1" applyFont="1" applyFill="1" applyBorder="1" applyAlignment="1">
      <alignment vertical="center" shrinkToFit="1"/>
    </xf>
    <xf numFmtId="0" fontId="5" fillId="2" borderId="41" xfId="1" applyFont="1" applyFill="1" applyBorder="1" applyAlignment="1">
      <alignment vertical="center"/>
    </xf>
    <xf numFmtId="0" fontId="5" fillId="2" borderId="16" xfId="1" applyFont="1" applyFill="1" applyBorder="1" applyAlignment="1">
      <alignment vertical="center" wrapText="1"/>
    </xf>
    <xf numFmtId="0" fontId="5" fillId="2" borderId="14" xfId="1" applyFont="1" applyFill="1" applyBorder="1" applyAlignment="1">
      <alignment horizontal="left" vertical="center" wrapText="1"/>
    </xf>
    <xf numFmtId="0" fontId="5" fillId="2" borderId="39" xfId="1" applyFont="1" applyFill="1" applyBorder="1" applyAlignment="1">
      <alignment vertical="center" wrapText="1"/>
    </xf>
    <xf numFmtId="0" fontId="5" fillId="2" borderId="7" xfId="1" applyFont="1" applyFill="1" applyBorder="1" applyAlignment="1">
      <alignment horizontal="left" vertical="center"/>
    </xf>
    <xf numFmtId="0" fontId="5" fillId="2" borderId="7" xfId="1" applyFont="1" applyFill="1" applyBorder="1" applyAlignment="1">
      <alignment horizontal="left" vertical="center" wrapText="1"/>
    </xf>
    <xf numFmtId="0" fontId="1" fillId="2" borderId="20" xfId="1" applyFill="1" applyBorder="1"/>
    <xf numFmtId="0" fontId="1" fillId="2" borderId="21" xfId="1" applyFill="1" applyBorder="1"/>
    <xf numFmtId="0" fontId="5" fillId="2" borderId="0" xfId="1" applyFont="1" applyFill="1"/>
    <xf numFmtId="0" fontId="1" fillId="2" borderId="0" xfId="1" applyFill="1"/>
    <xf numFmtId="0" fontId="1" fillId="2" borderId="13" xfId="1" applyFill="1" applyBorder="1" applyAlignment="1">
      <alignment horizontal="center" vertical="center" wrapText="1"/>
    </xf>
    <xf numFmtId="0" fontId="5" fillId="2" borderId="14" xfId="1" applyFont="1" applyFill="1" applyBorder="1" applyAlignment="1">
      <alignment horizontal="left" vertical="center"/>
    </xf>
    <xf numFmtId="0" fontId="1" fillId="2" borderId="14" xfId="1" applyFill="1" applyBorder="1" applyAlignment="1">
      <alignment horizontal="center" vertical="center" wrapText="1"/>
    </xf>
    <xf numFmtId="0" fontId="1" fillId="2" borderId="8" xfId="1" applyFill="1" applyBorder="1"/>
    <xf numFmtId="0" fontId="5" fillId="2" borderId="35" xfId="1" applyFont="1" applyFill="1" applyBorder="1" applyAlignment="1">
      <alignment vertical="center"/>
    </xf>
    <xf numFmtId="0" fontId="5" fillId="2" borderId="32" xfId="1" applyFont="1" applyFill="1" applyBorder="1" applyAlignment="1">
      <alignment vertical="top"/>
    </xf>
    <xf numFmtId="0" fontId="5" fillId="2" borderId="9" xfId="1" applyFont="1" applyFill="1" applyBorder="1" applyAlignment="1">
      <alignment vertical="center" wrapText="1" shrinkToFit="1"/>
    </xf>
    <xf numFmtId="0" fontId="1" fillId="2" borderId="7" xfId="1" applyFill="1" applyBorder="1" applyAlignment="1">
      <alignment horizontal="center" vertical="center" wrapText="1"/>
    </xf>
    <xf numFmtId="0" fontId="5" fillId="2" borderId="7" xfId="1" applyFont="1" applyFill="1" applyBorder="1" applyAlignment="1">
      <alignment horizontal="left" vertical="center"/>
    </xf>
    <xf numFmtId="0" fontId="1" fillId="2" borderId="7" xfId="1" applyFill="1" applyBorder="1" applyAlignment="1">
      <alignment horizontal="left" vertical="center"/>
    </xf>
    <xf numFmtId="0" fontId="1" fillId="2" borderId="13" xfId="1" applyFill="1" applyBorder="1"/>
    <xf numFmtId="0" fontId="1" fillId="2" borderId="15" xfId="1" applyFill="1" applyBorder="1"/>
    <xf numFmtId="0" fontId="5" fillId="2" borderId="16" xfId="1" applyFont="1" applyFill="1" applyBorder="1" applyAlignment="1">
      <alignment vertical="center" wrapText="1" shrinkToFit="1"/>
    </xf>
    <xf numFmtId="0" fontId="5" fillId="2" borderId="0" xfId="1" applyFont="1" applyFill="1" applyAlignment="1">
      <alignment horizontal="center"/>
    </xf>
    <xf numFmtId="0" fontId="12" fillId="2" borderId="0" xfId="1" applyFont="1" applyFill="1" applyAlignment="1">
      <alignment horizontal="left" vertical="center"/>
    </xf>
    <xf numFmtId="0" fontId="1" fillId="0" borderId="0" xfId="1" applyAlignment="1">
      <alignment horizontal="left" vertical="center"/>
    </xf>
    <xf numFmtId="0" fontId="8" fillId="2" borderId="0" xfId="1" applyFont="1" applyFill="1" applyAlignment="1">
      <alignment horizontal="left" vertical="center"/>
    </xf>
    <xf numFmtId="0" fontId="5" fillId="2" borderId="0" xfId="1" applyFont="1" applyFill="1" applyAlignment="1">
      <alignment vertical="center" wrapText="1"/>
    </xf>
    <xf numFmtId="0" fontId="5" fillId="2" borderId="0" xfId="1" applyFont="1" applyFill="1" applyAlignment="1">
      <alignment horizontal="left" vertical="center" wrapText="1"/>
    </xf>
    <xf numFmtId="0" fontId="5" fillId="3" borderId="0" xfId="1" applyFont="1" applyFill="1" applyAlignment="1">
      <alignment horizontal="left" vertical="center"/>
    </xf>
    <xf numFmtId="0" fontId="13" fillId="2" borderId="0" xfId="1" applyFont="1" applyFill="1" applyAlignment="1">
      <alignment horizontal="center" vertical="center"/>
    </xf>
    <xf numFmtId="0" fontId="13" fillId="2" borderId="0" xfId="1" applyFont="1" applyFill="1" applyAlignment="1">
      <alignment horizontal="left" vertical="center"/>
    </xf>
    <xf numFmtId="0" fontId="13" fillId="0" borderId="0" xfId="1" applyFont="1" applyAlignment="1">
      <alignment horizontal="left" vertical="center"/>
    </xf>
    <xf numFmtId="0" fontId="5" fillId="0" borderId="0" xfId="1" applyFont="1" applyAlignment="1">
      <alignment vertical="top"/>
    </xf>
    <xf numFmtId="0" fontId="5" fillId="3" borderId="0" xfId="1" applyFont="1" applyFill="1" applyAlignment="1">
      <alignment vertical="top"/>
    </xf>
    <xf numFmtId="0" fontId="5" fillId="0" borderId="13" xfId="1" applyFont="1" applyBorder="1" applyAlignment="1">
      <alignment horizontal="center" vertical="center"/>
    </xf>
    <xf numFmtId="0" fontId="5" fillId="0" borderId="14" xfId="1" applyFont="1" applyBorder="1" applyAlignment="1">
      <alignment horizontal="left" vertical="center"/>
    </xf>
    <xf numFmtId="0" fontId="5" fillId="0" borderId="15" xfId="1" applyFont="1" applyBorder="1" applyAlignment="1">
      <alignment horizontal="left" vertical="center"/>
    </xf>
    <xf numFmtId="0" fontId="5" fillId="0" borderId="0" xfId="1" applyFont="1" applyAlignment="1">
      <alignment horizontal="center" vertical="center"/>
    </xf>
  </cellXfs>
  <cellStyles count="2">
    <cellStyle name="標準" xfId="0" builtinId="0"/>
    <cellStyle name="標準 2" xfId="1" xr:uid="{E000A755-1519-47CF-B802-B02467E2E35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3075384</xdr:colOff>
      <xdr:row>0</xdr:row>
      <xdr:rowOff>0</xdr:rowOff>
    </xdr:from>
    <xdr:to>
      <xdr:col>6</xdr:col>
      <xdr:colOff>467134</xdr:colOff>
      <xdr:row>0</xdr:row>
      <xdr:rowOff>0</xdr:rowOff>
    </xdr:to>
    <xdr:sp macro="" textlink="">
      <xdr:nvSpPr>
        <xdr:cNvPr id="2" name="Text Box 1">
          <a:extLst>
            <a:ext uri="{FF2B5EF4-FFF2-40B4-BE49-F238E27FC236}">
              <a16:creationId xmlns:a16="http://schemas.microsoft.com/office/drawing/2014/main" id="{EB94A435-6C05-490E-91C1-20B7BDBA7EDD}"/>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 name="Text Box 2">
          <a:extLst>
            <a:ext uri="{FF2B5EF4-FFF2-40B4-BE49-F238E27FC236}">
              <a16:creationId xmlns:a16="http://schemas.microsoft.com/office/drawing/2014/main" id="{E380F44E-E8A0-4B11-9011-3D592517F48D}"/>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 name="Text Box 3">
          <a:extLst>
            <a:ext uri="{FF2B5EF4-FFF2-40B4-BE49-F238E27FC236}">
              <a16:creationId xmlns:a16="http://schemas.microsoft.com/office/drawing/2014/main" id="{C17C9FA4-275D-4DD5-AF15-044E327CBDF8}"/>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7</xdr:col>
      <xdr:colOff>0</xdr:colOff>
      <xdr:row>0</xdr:row>
      <xdr:rowOff>0</xdr:rowOff>
    </xdr:from>
    <xdr:to>
      <xdr:col>7</xdr:col>
      <xdr:colOff>0</xdr:colOff>
      <xdr:row>0</xdr:row>
      <xdr:rowOff>0</xdr:rowOff>
    </xdr:to>
    <xdr:sp macro="" textlink="">
      <xdr:nvSpPr>
        <xdr:cNvPr id="5" name="Text Box 4">
          <a:extLst>
            <a:ext uri="{FF2B5EF4-FFF2-40B4-BE49-F238E27FC236}">
              <a16:creationId xmlns:a16="http://schemas.microsoft.com/office/drawing/2014/main" id="{4C4A09A1-4D48-481A-A752-EE3A3D13B59E}"/>
            </a:ext>
          </a:extLst>
        </xdr:cNvPr>
        <xdr:cNvSpPr txBox="1"/>
      </xdr:nvSpPr>
      <xdr:spPr bwMode="auto">
        <a:xfrm>
          <a:off x="17421225"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6" name="Text Box 5">
          <a:extLst>
            <a:ext uri="{FF2B5EF4-FFF2-40B4-BE49-F238E27FC236}">
              <a16:creationId xmlns:a16="http://schemas.microsoft.com/office/drawing/2014/main" id="{B182918C-23BB-4264-BC17-6897309A1C24}"/>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7" name="Text Box 6">
          <a:extLst>
            <a:ext uri="{FF2B5EF4-FFF2-40B4-BE49-F238E27FC236}">
              <a16:creationId xmlns:a16="http://schemas.microsoft.com/office/drawing/2014/main" id="{03BA1928-AE3C-4E2E-93CE-48B3C769B5D7}"/>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8" name="Text Box 7">
          <a:extLst>
            <a:ext uri="{FF2B5EF4-FFF2-40B4-BE49-F238E27FC236}">
              <a16:creationId xmlns:a16="http://schemas.microsoft.com/office/drawing/2014/main" id="{69A319DF-32F6-4A4A-B7A1-447989C30B61}"/>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9" name="Text Box 8">
          <a:extLst>
            <a:ext uri="{FF2B5EF4-FFF2-40B4-BE49-F238E27FC236}">
              <a16:creationId xmlns:a16="http://schemas.microsoft.com/office/drawing/2014/main" id="{60E94FAE-58AC-4659-9689-FC4AD338B868}"/>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0" name="Text Box 9">
          <a:extLst>
            <a:ext uri="{FF2B5EF4-FFF2-40B4-BE49-F238E27FC236}">
              <a16:creationId xmlns:a16="http://schemas.microsoft.com/office/drawing/2014/main" id="{6ED5BCD5-09C9-4E69-8412-F123EC6AF65A}"/>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11" name="Text Box 10">
          <a:extLst>
            <a:ext uri="{FF2B5EF4-FFF2-40B4-BE49-F238E27FC236}">
              <a16:creationId xmlns:a16="http://schemas.microsoft.com/office/drawing/2014/main" id="{DADCDD1D-B265-4842-AB74-C463C31D7CFA}"/>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2" name="Text Box 11">
          <a:extLst>
            <a:ext uri="{FF2B5EF4-FFF2-40B4-BE49-F238E27FC236}">
              <a16:creationId xmlns:a16="http://schemas.microsoft.com/office/drawing/2014/main" id="{2536F886-9A03-4610-B19E-8096212B8877}"/>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3" name="Text Box 12">
          <a:extLst>
            <a:ext uri="{FF2B5EF4-FFF2-40B4-BE49-F238E27FC236}">
              <a16:creationId xmlns:a16="http://schemas.microsoft.com/office/drawing/2014/main" id="{B86175DC-BBE6-41BE-8D30-09A68BEA6484}"/>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14" name="Text Box 13">
          <a:extLst>
            <a:ext uri="{FF2B5EF4-FFF2-40B4-BE49-F238E27FC236}">
              <a16:creationId xmlns:a16="http://schemas.microsoft.com/office/drawing/2014/main" id="{ACE351C8-F2CD-4E21-BF56-4E7126D40E3C}"/>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7</xdr:col>
      <xdr:colOff>0</xdr:colOff>
      <xdr:row>0</xdr:row>
      <xdr:rowOff>0</xdr:rowOff>
    </xdr:from>
    <xdr:to>
      <xdr:col>7</xdr:col>
      <xdr:colOff>0</xdr:colOff>
      <xdr:row>0</xdr:row>
      <xdr:rowOff>0</xdr:rowOff>
    </xdr:to>
    <xdr:sp macro="" textlink="">
      <xdr:nvSpPr>
        <xdr:cNvPr id="15" name="Text Box 14">
          <a:extLst>
            <a:ext uri="{FF2B5EF4-FFF2-40B4-BE49-F238E27FC236}">
              <a16:creationId xmlns:a16="http://schemas.microsoft.com/office/drawing/2014/main" id="{2A7A98F8-C794-4F97-8CBF-8581271E1635}"/>
            </a:ext>
          </a:extLst>
        </xdr:cNvPr>
        <xdr:cNvSpPr txBox="1"/>
      </xdr:nvSpPr>
      <xdr:spPr bwMode="auto">
        <a:xfrm>
          <a:off x="17421225"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16" name="Text Box 15">
          <a:extLst>
            <a:ext uri="{FF2B5EF4-FFF2-40B4-BE49-F238E27FC236}">
              <a16:creationId xmlns:a16="http://schemas.microsoft.com/office/drawing/2014/main" id="{C679B7DD-1C84-4E7E-B0D6-E6AAADA24206}"/>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17" name="Text Box 16">
          <a:extLst>
            <a:ext uri="{FF2B5EF4-FFF2-40B4-BE49-F238E27FC236}">
              <a16:creationId xmlns:a16="http://schemas.microsoft.com/office/drawing/2014/main" id="{718C0A68-2F57-4182-8C64-B57A0EDB521C}"/>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8" name="Text Box 17">
          <a:extLst>
            <a:ext uri="{FF2B5EF4-FFF2-40B4-BE49-F238E27FC236}">
              <a16:creationId xmlns:a16="http://schemas.microsoft.com/office/drawing/2014/main" id="{6A40BE95-1387-4EAC-8EBE-EA3252D0FE96}"/>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19" name="Text Box 18">
          <a:extLst>
            <a:ext uri="{FF2B5EF4-FFF2-40B4-BE49-F238E27FC236}">
              <a16:creationId xmlns:a16="http://schemas.microsoft.com/office/drawing/2014/main" id="{CAE3B663-A025-4E1C-A15F-9CB3C0968870}"/>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0" name="Text Box 19">
          <a:extLst>
            <a:ext uri="{FF2B5EF4-FFF2-40B4-BE49-F238E27FC236}">
              <a16:creationId xmlns:a16="http://schemas.microsoft.com/office/drawing/2014/main" id="{6D4433E5-BB16-45CB-9F18-F37A6FEF07FD}"/>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1" name="Text Box 20">
          <a:extLst>
            <a:ext uri="{FF2B5EF4-FFF2-40B4-BE49-F238E27FC236}">
              <a16:creationId xmlns:a16="http://schemas.microsoft.com/office/drawing/2014/main" id="{DB6FFCF5-B84C-4929-AA79-2107EE5F23F0}"/>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0</xdr:row>
      <xdr:rowOff>0</xdr:rowOff>
    </xdr:from>
    <xdr:to>
      <xdr:col>6</xdr:col>
      <xdr:colOff>942640</xdr:colOff>
      <xdr:row>0</xdr:row>
      <xdr:rowOff>0</xdr:rowOff>
    </xdr:to>
    <xdr:sp macro="" textlink="">
      <xdr:nvSpPr>
        <xdr:cNvPr id="22" name="Text Box 21">
          <a:extLst>
            <a:ext uri="{FF2B5EF4-FFF2-40B4-BE49-F238E27FC236}">
              <a16:creationId xmlns:a16="http://schemas.microsoft.com/office/drawing/2014/main" id="{9A80421C-6529-4BE2-9F74-8D623F45C536}"/>
            </a:ext>
          </a:extLst>
        </xdr:cNvPr>
        <xdr:cNvSpPr txBox="1"/>
      </xdr:nvSpPr>
      <xdr:spPr bwMode="auto">
        <a:xfrm>
          <a:off x="13373323" y="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0</xdr:row>
      <xdr:rowOff>0</xdr:rowOff>
    </xdr:from>
    <xdr:to>
      <xdr:col>4</xdr:col>
      <xdr:colOff>2229241</xdr:colOff>
      <xdr:row>0</xdr:row>
      <xdr:rowOff>0</xdr:rowOff>
    </xdr:to>
    <xdr:sp macro="" textlink="">
      <xdr:nvSpPr>
        <xdr:cNvPr id="23" name="Text Box 22">
          <a:extLst>
            <a:ext uri="{FF2B5EF4-FFF2-40B4-BE49-F238E27FC236}">
              <a16:creationId xmlns:a16="http://schemas.microsoft.com/office/drawing/2014/main" id="{000E893E-D612-4CD1-9085-FFF4A535A594}"/>
            </a:ext>
          </a:extLst>
        </xdr:cNvPr>
        <xdr:cNvSpPr txBox="1"/>
      </xdr:nvSpPr>
      <xdr:spPr bwMode="auto">
        <a:xfrm>
          <a:off x="8085665" y="0"/>
          <a:ext cx="57295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4" name="Text Box 23">
          <a:extLst>
            <a:ext uri="{FF2B5EF4-FFF2-40B4-BE49-F238E27FC236}">
              <a16:creationId xmlns:a16="http://schemas.microsoft.com/office/drawing/2014/main" id="{FC184AE0-685F-41E8-9FF9-0D4484910023}"/>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5" name="Text Box 24">
          <a:extLst>
            <a:ext uri="{FF2B5EF4-FFF2-40B4-BE49-F238E27FC236}">
              <a16:creationId xmlns:a16="http://schemas.microsoft.com/office/drawing/2014/main" id="{B4376BBE-13B5-4BB3-9B6A-63C462F8D93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6" name="Text Box 25">
          <a:extLst>
            <a:ext uri="{FF2B5EF4-FFF2-40B4-BE49-F238E27FC236}">
              <a16:creationId xmlns:a16="http://schemas.microsoft.com/office/drawing/2014/main" id="{843B1709-C93E-4477-991D-7BC3966CFB84}"/>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7" name="Text Box 26">
          <a:extLst>
            <a:ext uri="{FF2B5EF4-FFF2-40B4-BE49-F238E27FC236}">
              <a16:creationId xmlns:a16="http://schemas.microsoft.com/office/drawing/2014/main" id="{EE796D4D-3E51-4E19-8F50-AF20DEFD5C73}"/>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8" name="Text Box 27">
          <a:extLst>
            <a:ext uri="{FF2B5EF4-FFF2-40B4-BE49-F238E27FC236}">
              <a16:creationId xmlns:a16="http://schemas.microsoft.com/office/drawing/2014/main" id="{E01DAD5A-37D2-4133-8E95-C7748C895DA4}"/>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9" name="Text Box 28">
          <a:extLst>
            <a:ext uri="{FF2B5EF4-FFF2-40B4-BE49-F238E27FC236}">
              <a16:creationId xmlns:a16="http://schemas.microsoft.com/office/drawing/2014/main" id="{16182344-282A-4DE5-A998-9B6759073701}"/>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0" name="Text Box 29">
          <a:extLst>
            <a:ext uri="{FF2B5EF4-FFF2-40B4-BE49-F238E27FC236}">
              <a16:creationId xmlns:a16="http://schemas.microsoft.com/office/drawing/2014/main" id="{17D89567-48BF-4E34-A8D2-052D1D7D2154}"/>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31" name="Text Box 30">
          <a:extLst>
            <a:ext uri="{FF2B5EF4-FFF2-40B4-BE49-F238E27FC236}">
              <a16:creationId xmlns:a16="http://schemas.microsoft.com/office/drawing/2014/main" id="{59295F6B-2EEA-490D-98B2-7397FD1D5277}"/>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7</xdr:col>
      <xdr:colOff>0</xdr:colOff>
      <xdr:row>0</xdr:row>
      <xdr:rowOff>0</xdr:rowOff>
    </xdr:from>
    <xdr:to>
      <xdr:col>7</xdr:col>
      <xdr:colOff>0</xdr:colOff>
      <xdr:row>0</xdr:row>
      <xdr:rowOff>0</xdr:rowOff>
    </xdr:to>
    <xdr:sp macro="" textlink="">
      <xdr:nvSpPr>
        <xdr:cNvPr id="32" name="Text Box 31">
          <a:extLst>
            <a:ext uri="{FF2B5EF4-FFF2-40B4-BE49-F238E27FC236}">
              <a16:creationId xmlns:a16="http://schemas.microsoft.com/office/drawing/2014/main" id="{76ED0206-6C80-4B7B-9594-9C7BD03A8B27}"/>
            </a:ext>
          </a:extLst>
        </xdr:cNvPr>
        <xdr:cNvSpPr txBox="1"/>
      </xdr:nvSpPr>
      <xdr:spPr bwMode="auto">
        <a:xfrm>
          <a:off x="17421225"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33" name="Text Box 32">
          <a:extLst>
            <a:ext uri="{FF2B5EF4-FFF2-40B4-BE49-F238E27FC236}">
              <a16:creationId xmlns:a16="http://schemas.microsoft.com/office/drawing/2014/main" id="{97E2C7C0-2043-4842-8BB5-4F6AB6EB212A}"/>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34" name="Text Box 33">
          <a:extLst>
            <a:ext uri="{FF2B5EF4-FFF2-40B4-BE49-F238E27FC236}">
              <a16:creationId xmlns:a16="http://schemas.microsoft.com/office/drawing/2014/main" id="{A7D05D75-33D2-4B31-A3B0-61176F8603E0}"/>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5" name="Text Box 34">
          <a:extLst>
            <a:ext uri="{FF2B5EF4-FFF2-40B4-BE49-F238E27FC236}">
              <a16:creationId xmlns:a16="http://schemas.microsoft.com/office/drawing/2014/main" id="{F85F3F77-6740-4941-83AB-8AA8FFF94968}"/>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36" name="Text Box 35">
          <a:extLst>
            <a:ext uri="{FF2B5EF4-FFF2-40B4-BE49-F238E27FC236}">
              <a16:creationId xmlns:a16="http://schemas.microsoft.com/office/drawing/2014/main" id="{B31B82D5-A378-4EF1-8C3A-0035638E06F2}"/>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7" name="Text Box 36">
          <a:extLst>
            <a:ext uri="{FF2B5EF4-FFF2-40B4-BE49-F238E27FC236}">
              <a16:creationId xmlns:a16="http://schemas.microsoft.com/office/drawing/2014/main" id="{58C21943-1334-4181-B39F-219843022DD2}"/>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8" name="Text Box 37">
          <a:extLst>
            <a:ext uri="{FF2B5EF4-FFF2-40B4-BE49-F238E27FC236}">
              <a16:creationId xmlns:a16="http://schemas.microsoft.com/office/drawing/2014/main" id="{F74541D6-463B-4E17-BA3E-FD748DE0124A}"/>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9" name="Text Box 38">
          <a:extLst>
            <a:ext uri="{FF2B5EF4-FFF2-40B4-BE49-F238E27FC236}">
              <a16:creationId xmlns:a16="http://schemas.microsoft.com/office/drawing/2014/main" id="{BC1D4765-1AA1-492B-9DA6-6BDC60B72351}"/>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40" name="Text Box 39">
          <a:extLst>
            <a:ext uri="{FF2B5EF4-FFF2-40B4-BE49-F238E27FC236}">
              <a16:creationId xmlns:a16="http://schemas.microsoft.com/office/drawing/2014/main" id="{D1CB7B64-283A-4B2B-913C-08646E386735}"/>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1" name="Text Box 40">
          <a:extLst>
            <a:ext uri="{FF2B5EF4-FFF2-40B4-BE49-F238E27FC236}">
              <a16:creationId xmlns:a16="http://schemas.microsoft.com/office/drawing/2014/main" id="{A60B168B-EF56-4D88-899C-A5CA052DB874}"/>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2" name="Text Box 41">
          <a:extLst>
            <a:ext uri="{FF2B5EF4-FFF2-40B4-BE49-F238E27FC236}">
              <a16:creationId xmlns:a16="http://schemas.microsoft.com/office/drawing/2014/main" id="{C877CBFA-C9E4-40AC-BAEB-5EAC5967D009}"/>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3" name="Text Box 42">
          <a:extLst>
            <a:ext uri="{FF2B5EF4-FFF2-40B4-BE49-F238E27FC236}">
              <a16:creationId xmlns:a16="http://schemas.microsoft.com/office/drawing/2014/main" id="{F0404304-117F-406B-BA29-AE716ACFA162}"/>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7</xdr:col>
      <xdr:colOff>0</xdr:colOff>
      <xdr:row>0</xdr:row>
      <xdr:rowOff>0</xdr:rowOff>
    </xdr:from>
    <xdr:to>
      <xdr:col>7</xdr:col>
      <xdr:colOff>0</xdr:colOff>
      <xdr:row>0</xdr:row>
      <xdr:rowOff>0</xdr:rowOff>
    </xdr:to>
    <xdr:sp macro="" textlink="">
      <xdr:nvSpPr>
        <xdr:cNvPr id="44" name="Text Box 43">
          <a:extLst>
            <a:ext uri="{FF2B5EF4-FFF2-40B4-BE49-F238E27FC236}">
              <a16:creationId xmlns:a16="http://schemas.microsoft.com/office/drawing/2014/main" id="{3C4AC678-F1D3-4BCA-BE67-60C61DB7F94A}"/>
            </a:ext>
          </a:extLst>
        </xdr:cNvPr>
        <xdr:cNvSpPr txBox="1"/>
      </xdr:nvSpPr>
      <xdr:spPr bwMode="auto">
        <a:xfrm>
          <a:off x="17421225"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45" name="Text Box 44">
          <a:extLst>
            <a:ext uri="{FF2B5EF4-FFF2-40B4-BE49-F238E27FC236}">
              <a16:creationId xmlns:a16="http://schemas.microsoft.com/office/drawing/2014/main" id="{BEE238F1-BE38-4D02-8FE5-605163FDCD0D}"/>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46" name="Text Box 45">
          <a:extLst>
            <a:ext uri="{FF2B5EF4-FFF2-40B4-BE49-F238E27FC236}">
              <a16:creationId xmlns:a16="http://schemas.microsoft.com/office/drawing/2014/main" id="{ED721408-F42F-4690-8BEF-85C09B59919B}"/>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7" name="Text Box 46">
          <a:extLst>
            <a:ext uri="{FF2B5EF4-FFF2-40B4-BE49-F238E27FC236}">
              <a16:creationId xmlns:a16="http://schemas.microsoft.com/office/drawing/2014/main" id="{09560BE6-804E-4417-B159-2CC69A72D7A2}"/>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48" name="Text Box 47">
          <a:extLst>
            <a:ext uri="{FF2B5EF4-FFF2-40B4-BE49-F238E27FC236}">
              <a16:creationId xmlns:a16="http://schemas.microsoft.com/office/drawing/2014/main" id="{1BDF1519-BCEE-4A34-AFE0-185B9DEFF23B}"/>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9" name="Text Box 48">
          <a:extLst>
            <a:ext uri="{FF2B5EF4-FFF2-40B4-BE49-F238E27FC236}">
              <a16:creationId xmlns:a16="http://schemas.microsoft.com/office/drawing/2014/main" id="{54FC544B-3AAA-4C37-8553-DF8018B27CFF}"/>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50" name="Text Box 49">
          <a:extLst>
            <a:ext uri="{FF2B5EF4-FFF2-40B4-BE49-F238E27FC236}">
              <a16:creationId xmlns:a16="http://schemas.microsoft.com/office/drawing/2014/main" id="{D258988B-DFCF-42FC-B047-2C393F6B2FA0}"/>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51" name="Text Box 51">
          <a:extLst>
            <a:ext uri="{FF2B5EF4-FFF2-40B4-BE49-F238E27FC236}">
              <a16:creationId xmlns:a16="http://schemas.microsoft.com/office/drawing/2014/main" id="{BCB59DEF-8E8A-4D38-82EA-FD2B21E8F5E7}"/>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52" name="Text Box 53">
          <a:extLst>
            <a:ext uri="{FF2B5EF4-FFF2-40B4-BE49-F238E27FC236}">
              <a16:creationId xmlns:a16="http://schemas.microsoft.com/office/drawing/2014/main" id="{E307429B-026C-4554-B0A4-C216228E5613}"/>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53" name="Text Box 54">
          <a:extLst>
            <a:ext uri="{FF2B5EF4-FFF2-40B4-BE49-F238E27FC236}">
              <a16:creationId xmlns:a16="http://schemas.microsoft.com/office/drawing/2014/main" id="{74448E10-4520-4E1E-A448-E14BAC837B5A}"/>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54" name="Text Box 55">
          <a:extLst>
            <a:ext uri="{FF2B5EF4-FFF2-40B4-BE49-F238E27FC236}">
              <a16:creationId xmlns:a16="http://schemas.microsoft.com/office/drawing/2014/main" id="{F60348B3-C7AA-4DFF-9FDA-91C8C9D5FFCD}"/>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55" name="Text Box 57">
          <a:extLst>
            <a:ext uri="{FF2B5EF4-FFF2-40B4-BE49-F238E27FC236}">
              <a16:creationId xmlns:a16="http://schemas.microsoft.com/office/drawing/2014/main" id="{CAFC6213-EAD0-4EC5-A9C0-4108BD42330D}"/>
            </a:ext>
          </a:extLst>
        </xdr:cNvPr>
        <xdr:cNvSpPr txBox="1"/>
      </xdr:nvSpPr>
      <xdr:spPr bwMode="auto">
        <a:xfrm>
          <a:off x="8161400"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56" name="Text Box 58">
          <a:extLst>
            <a:ext uri="{FF2B5EF4-FFF2-40B4-BE49-F238E27FC236}">
              <a16:creationId xmlns:a16="http://schemas.microsoft.com/office/drawing/2014/main" id="{316781DB-5BEF-4298-8780-4EDFE72D87CD}"/>
            </a:ext>
          </a:extLst>
        </xdr:cNvPr>
        <xdr:cNvSpPr txBox="1"/>
      </xdr:nvSpPr>
      <xdr:spPr bwMode="auto">
        <a:xfrm>
          <a:off x="1161380" y="10782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57" name="Text Box 59">
          <a:extLst>
            <a:ext uri="{FF2B5EF4-FFF2-40B4-BE49-F238E27FC236}">
              <a16:creationId xmlns:a16="http://schemas.microsoft.com/office/drawing/2014/main" id="{34F6EA58-23AA-4A08-A68B-290BCCE9868C}"/>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58" name="Text Box 60">
          <a:extLst>
            <a:ext uri="{FF2B5EF4-FFF2-40B4-BE49-F238E27FC236}">
              <a16:creationId xmlns:a16="http://schemas.microsoft.com/office/drawing/2014/main" id="{0B721531-0B44-4E1C-8292-4E282939E403}"/>
            </a:ext>
          </a:extLst>
        </xdr:cNvPr>
        <xdr:cNvSpPr txBox="1"/>
      </xdr:nvSpPr>
      <xdr:spPr bwMode="auto">
        <a:xfrm>
          <a:off x="8247013"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59" name="Text Box 61">
          <a:extLst>
            <a:ext uri="{FF2B5EF4-FFF2-40B4-BE49-F238E27FC236}">
              <a16:creationId xmlns:a16="http://schemas.microsoft.com/office/drawing/2014/main" id="{B4F72ADC-9CFF-42A1-A232-A487D852EF0D}"/>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60" name="Text Box 62">
          <a:extLst>
            <a:ext uri="{FF2B5EF4-FFF2-40B4-BE49-F238E27FC236}">
              <a16:creationId xmlns:a16="http://schemas.microsoft.com/office/drawing/2014/main" id="{A3F17F7C-80EB-4259-811D-EE7EA3455FB7}"/>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61" name="Text Box 51">
          <a:extLst>
            <a:ext uri="{FF2B5EF4-FFF2-40B4-BE49-F238E27FC236}">
              <a16:creationId xmlns:a16="http://schemas.microsoft.com/office/drawing/2014/main" id="{69878E10-4F33-4203-B098-A8B03766E816}"/>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62" name="Text Box 53">
          <a:extLst>
            <a:ext uri="{FF2B5EF4-FFF2-40B4-BE49-F238E27FC236}">
              <a16:creationId xmlns:a16="http://schemas.microsoft.com/office/drawing/2014/main" id="{FB3F8B1E-ED89-4079-8579-A5B02FDC503E}"/>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63" name="Text Box 54">
          <a:extLst>
            <a:ext uri="{FF2B5EF4-FFF2-40B4-BE49-F238E27FC236}">
              <a16:creationId xmlns:a16="http://schemas.microsoft.com/office/drawing/2014/main" id="{1D77604D-005D-459C-B1F5-2D115AEE78B2}"/>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64" name="Text Box 55">
          <a:extLst>
            <a:ext uri="{FF2B5EF4-FFF2-40B4-BE49-F238E27FC236}">
              <a16:creationId xmlns:a16="http://schemas.microsoft.com/office/drawing/2014/main" id="{5C5511BC-C2E7-464E-AEA9-818E53B101BA}"/>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65" name="Text Box 57">
          <a:extLst>
            <a:ext uri="{FF2B5EF4-FFF2-40B4-BE49-F238E27FC236}">
              <a16:creationId xmlns:a16="http://schemas.microsoft.com/office/drawing/2014/main" id="{49D5DB42-10C4-4364-9324-5DA44F6EB80D}"/>
            </a:ext>
          </a:extLst>
        </xdr:cNvPr>
        <xdr:cNvSpPr txBox="1"/>
      </xdr:nvSpPr>
      <xdr:spPr bwMode="auto">
        <a:xfrm>
          <a:off x="8161400"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66" name="Text Box 58">
          <a:extLst>
            <a:ext uri="{FF2B5EF4-FFF2-40B4-BE49-F238E27FC236}">
              <a16:creationId xmlns:a16="http://schemas.microsoft.com/office/drawing/2014/main" id="{68A9432F-E4ED-470D-BC53-2576241B108B}"/>
            </a:ext>
          </a:extLst>
        </xdr:cNvPr>
        <xdr:cNvSpPr txBox="1"/>
      </xdr:nvSpPr>
      <xdr:spPr bwMode="auto">
        <a:xfrm>
          <a:off x="1161380" y="10782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67" name="Text Box 59">
          <a:extLst>
            <a:ext uri="{FF2B5EF4-FFF2-40B4-BE49-F238E27FC236}">
              <a16:creationId xmlns:a16="http://schemas.microsoft.com/office/drawing/2014/main" id="{A1B1C69D-FB3C-4BD4-AA09-9E01FF117E11}"/>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68" name="Text Box 60">
          <a:extLst>
            <a:ext uri="{FF2B5EF4-FFF2-40B4-BE49-F238E27FC236}">
              <a16:creationId xmlns:a16="http://schemas.microsoft.com/office/drawing/2014/main" id="{50FC41CF-9A02-42FB-81DD-0D3BE65072BD}"/>
            </a:ext>
          </a:extLst>
        </xdr:cNvPr>
        <xdr:cNvSpPr txBox="1"/>
      </xdr:nvSpPr>
      <xdr:spPr bwMode="auto">
        <a:xfrm>
          <a:off x="8247013"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69" name="Text Box 61">
          <a:extLst>
            <a:ext uri="{FF2B5EF4-FFF2-40B4-BE49-F238E27FC236}">
              <a16:creationId xmlns:a16="http://schemas.microsoft.com/office/drawing/2014/main" id="{53DBC0A5-A395-4A4C-A60F-9C1624976C96}"/>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70" name="Text Box 62">
          <a:extLst>
            <a:ext uri="{FF2B5EF4-FFF2-40B4-BE49-F238E27FC236}">
              <a16:creationId xmlns:a16="http://schemas.microsoft.com/office/drawing/2014/main" id="{EEDB7192-243F-44D6-B77E-042A4C986B4C}"/>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71" name="Text Box 51">
          <a:extLst>
            <a:ext uri="{FF2B5EF4-FFF2-40B4-BE49-F238E27FC236}">
              <a16:creationId xmlns:a16="http://schemas.microsoft.com/office/drawing/2014/main" id="{72D33636-2D7B-4EEB-9C9A-3390131D7E4C}"/>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72" name="Text Box 53">
          <a:extLst>
            <a:ext uri="{FF2B5EF4-FFF2-40B4-BE49-F238E27FC236}">
              <a16:creationId xmlns:a16="http://schemas.microsoft.com/office/drawing/2014/main" id="{1C608ABF-0AA5-48A3-8330-695C014ED1AB}"/>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73" name="Text Box 54">
          <a:extLst>
            <a:ext uri="{FF2B5EF4-FFF2-40B4-BE49-F238E27FC236}">
              <a16:creationId xmlns:a16="http://schemas.microsoft.com/office/drawing/2014/main" id="{6311014F-F9CB-4D58-935A-4EA8003FAA7A}"/>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74" name="Text Box 55">
          <a:extLst>
            <a:ext uri="{FF2B5EF4-FFF2-40B4-BE49-F238E27FC236}">
              <a16:creationId xmlns:a16="http://schemas.microsoft.com/office/drawing/2014/main" id="{046AF026-9B26-453D-8361-03AA72979374}"/>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75" name="Text Box 57">
          <a:extLst>
            <a:ext uri="{FF2B5EF4-FFF2-40B4-BE49-F238E27FC236}">
              <a16:creationId xmlns:a16="http://schemas.microsoft.com/office/drawing/2014/main" id="{ABCA6F84-AFFB-4045-BE8C-61128CA794D4}"/>
            </a:ext>
          </a:extLst>
        </xdr:cNvPr>
        <xdr:cNvSpPr txBox="1"/>
      </xdr:nvSpPr>
      <xdr:spPr bwMode="auto">
        <a:xfrm>
          <a:off x="8161400"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76" name="Text Box 58">
          <a:extLst>
            <a:ext uri="{FF2B5EF4-FFF2-40B4-BE49-F238E27FC236}">
              <a16:creationId xmlns:a16="http://schemas.microsoft.com/office/drawing/2014/main" id="{01C7126B-DBB2-4A9B-B0E2-353897C3FD74}"/>
            </a:ext>
          </a:extLst>
        </xdr:cNvPr>
        <xdr:cNvSpPr txBox="1"/>
      </xdr:nvSpPr>
      <xdr:spPr bwMode="auto">
        <a:xfrm>
          <a:off x="1161380" y="10782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77" name="Text Box 59">
          <a:extLst>
            <a:ext uri="{FF2B5EF4-FFF2-40B4-BE49-F238E27FC236}">
              <a16:creationId xmlns:a16="http://schemas.microsoft.com/office/drawing/2014/main" id="{7F829BCD-E254-488A-8E4A-5184EFA11C6F}"/>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78" name="Text Box 60">
          <a:extLst>
            <a:ext uri="{FF2B5EF4-FFF2-40B4-BE49-F238E27FC236}">
              <a16:creationId xmlns:a16="http://schemas.microsoft.com/office/drawing/2014/main" id="{84E0AE97-7511-4150-80D8-F1D1B5BCB191}"/>
            </a:ext>
          </a:extLst>
        </xdr:cNvPr>
        <xdr:cNvSpPr txBox="1"/>
      </xdr:nvSpPr>
      <xdr:spPr bwMode="auto">
        <a:xfrm>
          <a:off x="8247013"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79" name="Text Box 61">
          <a:extLst>
            <a:ext uri="{FF2B5EF4-FFF2-40B4-BE49-F238E27FC236}">
              <a16:creationId xmlns:a16="http://schemas.microsoft.com/office/drawing/2014/main" id="{8F4EDF9F-615D-4780-9ED1-F74DDC86DE62}"/>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80" name="Text Box 62">
          <a:extLst>
            <a:ext uri="{FF2B5EF4-FFF2-40B4-BE49-F238E27FC236}">
              <a16:creationId xmlns:a16="http://schemas.microsoft.com/office/drawing/2014/main" id="{5016A24F-B1A5-446B-B224-24911A7CE83A}"/>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1</xdr:row>
      <xdr:rowOff>0</xdr:rowOff>
    </xdr:from>
    <xdr:to>
      <xdr:col>0</xdr:col>
      <xdr:colOff>180975</xdr:colOff>
      <xdr:row>21</xdr:row>
      <xdr:rowOff>0</xdr:rowOff>
    </xdr:to>
    <xdr:sp macro="" textlink="">
      <xdr:nvSpPr>
        <xdr:cNvPr id="81" name="Text Box 51">
          <a:extLst>
            <a:ext uri="{FF2B5EF4-FFF2-40B4-BE49-F238E27FC236}">
              <a16:creationId xmlns:a16="http://schemas.microsoft.com/office/drawing/2014/main" id="{504D2429-525B-45F1-9034-366010CEF058}"/>
            </a:ext>
          </a:extLst>
        </xdr:cNvPr>
        <xdr:cNvSpPr txBox="1"/>
      </xdr:nvSpPr>
      <xdr:spPr bwMode="auto">
        <a:xfrm>
          <a:off x="9544" y="6219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82" name="Text Box 53">
          <a:extLst>
            <a:ext uri="{FF2B5EF4-FFF2-40B4-BE49-F238E27FC236}">
              <a16:creationId xmlns:a16="http://schemas.microsoft.com/office/drawing/2014/main" id="{38DAEACC-C32B-49C2-9C0B-44EEEED74489}"/>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67134</xdr:colOff>
      <xdr:row>31</xdr:row>
      <xdr:rowOff>0</xdr:rowOff>
    </xdr:to>
    <xdr:sp macro="" textlink="">
      <xdr:nvSpPr>
        <xdr:cNvPr id="83" name="Text Box 54">
          <a:extLst>
            <a:ext uri="{FF2B5EF4-FFF2-40B4-BE49-F238E27FC236}">
              <a16:creationId xmlns:a16="http://schemas.microsoft.com/office/drawing/2014/main" id="{47198868-D3F5-4ACE-879E-8C36A564AAFE}"/>
            </a:ext>
          </a:extLst>
        </xdr:cNvPr>
        <xdr:cNvSpPr txBox="1"/>
      </xdr:nvSpPr>
      <xdr:spPr bwMode="auto">
        <a:xfrm>
          <a:off x="12876609" y="87249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1</xdr:row>
      <xdr:rowOff>0</xdr:rowOff>
    </xdr:from>
    <xdr:to>
      <xdr:col>6</xdr:col>
      <xdr:colOff>485552</xdr:colOff>
      <xdr:row>31</xdr:row>
      <xdr:rowOff>0</xdr:rowOff>
    </xdr:to>
    <xdr:sp macro="" textlink="">
      <xdr:nvSpPr>
        <xdr:cNvPr id="84" name="Text Box 55">
          <a:extLst>
            <a:ext uri="{FF2B5EF4-FFF2-40B4-BE49-F238E27FC236}">
              <a16:creationId xmlns:a16="http://schemas.microsoft.com/office/drawing/2014/main" id="{6DDC151B-2012-4691-A243-A9CA3CAC4004}"/>
            </a:ext>
          </a:extLst>
        </xdr:cNvPr>
        <xdr:cNvSpPr txBox="1"/>
      </xdr:nvSpPr>
      <xdr:spPr bwMode="auto">
        <a:xfrm>
          <a:off x="12876609" y="87249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9</xdr:row>
      <xdr:rowOff>0</xdr:rowOff>
    </xdr:from>
    <xdr:to>
      <xdr:col>4</xdr:col>
      <xdr:colOff>2295097</xdr:colOff>
      <xdr:row>39</xdr:row>
      <xdr:rowOff>0</xdr:rowOff>
    </xdr:to>
    <xdr:sp macro="" textlink="">
      <xdr:nvSpPr>
        <xdr:cNvPr id="85" name="Text Box 57">
          <a:extLst>
            <a:ext uri="{FF2B5EF4-FFF2-40B4-BE49-F238E27FC236}">
              <a16:creationId xmlns:a16="http://schemas.microsoft.com/office/drawing/2014/main" id="{0CBC04A9-3F53-4632-9F10-2EAD209C7587}"/>
            </a:ext>
          </a:extLst>
        </xdr:cNvPr>
        <xdr:cNvSpPr txBox="1"/>
      </xdr:nvSpPr>
      <xdr:spPr bwMode="auto">
        <a:xfrm>
          <a:off x="8161400"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9</xdr:row>
      <xdr:rowOff>0</xdr:rowOff>
    </xdr:from>
    <xdr:to>
      <xdr:col>1</xdr:col>
      <xdr:colOff>1553394</xdr:colOff>
      <xdr:row>39</xdr:row>
      <xdr:rowOff>0</xdr:rowOff>
    </xdr:to>
    <xdr:sp macro="" textlink="">
      <xdr:nvSpPr>
        <xdr:cNvPr id="86" name="Text Box 58">
          <a:extLst>
            <a:ext uri="{FF2B5EF4-FFF2-40B4-BE49-F238E27FC236}">
              <a16:creationId xmlns:a16="http://schemas.microsoft.com/office/drawing/2014/main" id="{67D89BE7-2826-42FC-9346-F8BB5522849B}"/>
            </a:ext>
          </a:extLst>
        </xdr:cNvPr>
        <xdr:cNvSpPr txBox="1"/>
      </xdr:nvSpPr>
      <xdr:spPr bwMode="auto">
        <a:xfrm>
          <a:off x="1161380" y="10782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87" name="Text Box 59">
          <a:extLst>
            <a:ext uri="{FF2B5EF4-FFF2-40B4-BE49-F238E27FC236}">
              <a16:creationId xmlns:a16="http://schemas.microsoft.com/office/drawing/2014/main" id="{A530D053-7323-4BC5-949E-BE091313B2C0}"/>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9</xdr:row>
      <xdr:rowOff>0</xdr:rowOff>
    </xdr:from>
    <xdr:to>
      <xdr:col>4</xdr:col>
      <xdr:colOff>2380710</xdr:colOff>
      <xdr:row>39</xdr:row>
      <xdr:rowOff>0</xdr:rowOff>
    </xdr:to>
    <xdr:sp macro="" textlink="">
      <xdr:nvSpPr>
        <xdr:cNvPr id="88" name="Text Box 60">
          <a:extLst>
            <a:ext uri="{FF2B5EF4-FFF2-40B4-BE49-F238E27FC236}">
              <a16:creationId xmlns:a16="http://schemas.microsoft.com/office/drawing/2014/main" id="{E0314E3B-72F5-4A6D-BAB7-9B533084F38C}"/>
            </a:ext>
          </a:extLst>
        </xdr:cNvPr>
        <xdr:cNvSpPr txBox="1"/>
      </xdr:nvSpPr>
      <xdr:spPr bwMode="auto">
        <a:xfrm>
          <a:off x="8247013" y="10782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9</xdr:row>
      <xdr:rowOff>0</xdr:rowOff>
    </xdr:from>
    <xdr:to>
      <xdr:col>4</xdr:col>
      <xdr:colOff>2370832</xdr:colOff>
      <xdr:row>39</xdr:row>
      <xdr:rowOff>0</xdr:rowOff>
    </xdr:to>
    <xdr:sp macro="" textlink="">
      <xdr:nvSpPr>
        <xdr:cNvPr id="89" name="Text Box 61">
          <a:extLst>
            <a:ext uri="{FF2B5EF4-FFF2-40B4-BE49-F238E27FC236}">
              <a16:creationId xmlns:a16="http://schemas.microsoft.com/office/drawing/2014/main" id="{C8E30361-72D5-4B19-AED2-63629A0DF97E}"/>
            </a:ext>
          </a:extLst>
        </xdr:cNvPr>
        <xdr:cNvSpPr txBox="1"/>
      </xdr:nvSpPr>
      <xdr:spPr bwMode="auto">
        <a:xfrm>
          <a:off x="8230549" y="1078230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1</xdr:row>
      <xdr:rowOff>0</xdr:rowOff>
    </xdr:from>
    <xdr:to>
      <xdr:col>0</xdr:col>
      <xdr:colOff>180975</xdr:colOff>
      <xdr:row>31</xdr:row>
      <xdr:rowOff>0</xdr:rowOff>
    </xdr:to>
    <xdr:sp macro="" textlink="">
      <xdr:nvSpPr>
        <xdr:cNvPr id="90" name="Text Box 62">
          <a:extLst>
            <a:ext uri="{FF2B5EF4-FFF2-40B4-BE49-F238E27FC236}">
              <a16:creationId xmlns:a16="http://schemas.microsoft.com/office/drawing/2014/main" id="{52968539-AD54-40FA-BE51-87FA86A87D94}"/>
            </a:ext>
          </a:extLst>
        </xdr:cNvPr>
        <xdr:cNvSpPr txBox="1"/>
      </xdr:nvSpPr>
      <xdr:spPr bwMode="auto">
        <a:xfrm>
          <a:off x="9544" y="87249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9DF0BB-394E-4A25-B85D-0B7913B27AA9}">
  <sheetPr>
    <pageSetUpPr fitToPage="1"/>
  </sheetPr>
  <dimension ref="A2:AG574"/>
  <sheetViews>
    <sheetView view="pageBreakPreview" topLeftCell="A58" zoomScale="80" zoomScaleNormal="100" zoomScaleSheetLayoutView="80" workbookViewId="0">
      <selection activeCell="H53" sqref="H53"/>
    </sheetView>
  </sheetViews>
  <sheetFormatPr defaultRowHeight="13.5" x14ac:dyDescent="0.4"/>
  <cols>
    <col min="1" max="2" width="4.25" style="5" customWidth="1"/>
    <col min="3" max="3" width="25" style="2" customWidth="1"/>
    <col min="4" max="4" width="4.875" style="2" customWidth="1"/>
    <col min="5" max="5" width="41.625" style="2" customWidth="1"/>
    <col min="6" max="6" width="4.875" style="2" customWidth="1"/>
    <col min="7" max="7" width="19.625" style="3" customWidth="1"/>
    <col min="8" max="8" width="33.875" style="2" customWidth="1"/>
    <col min="9" max="23" width="4.875" style="2" customWidth="1"/>
    <col min="24" max="24" width="9.25" style="2" customWidth="1"/>
    <col min="25" max="32" width="4.875" style="2" customWidth="1"/>
    <col min="33" max="16384" width="9" style="2"/>
  </cols>
  <sheetData>
    <row r="2" spans="1:32" ht="20.25" customHeight="1" x14ac:dyDescent="0.4">
      <c r="A2" s="1" t="s">
        <v>0</v>
      </c>
      <c r="B2" s="1"/>
    </row>
    <row r="3" spans="1:32" ht="20.25" customHeight="1" x14ac:dyDescent="0.4">
      <c r="A3" s="4" t="s">
        <v>1</v>
      </c>
      <c r="B3" s="4"/>
      <c r="C3" s="4"/>
      <c r="D3" s="4"/>
      <c r="E3" s="4"/>
      <c r="F3" s="4"/>
      <c r="G3" s="4"/>
      <c r="H3" s="4"/>
      <c r="I3" s="4"/>
      <c r="J3" s="4"/>
      <c r="K3" s="4"/>
      <c r="L3" s="4"/>
      <c r="M3" s="4"/>
      <c r="N3" s="4"/>
      <c r="O3" s="4"/>
      <c r="P3" s="4"/>
      <c r="Q3" s="4"/>
      <c r="R3" s="4"/>
      <c r="S3" s="4"/>
      <c r="T3" s="4"/>
      <c r="U3" s="4"/>
      <c r="V3" s="4"/>
      <c r="W3" s="4"/>
      <c r="X3" s="4"/>
      <c r="Y3" s="4"/>
      <c r="Z3" s="4"/>
      <c r="AA3" s="4"/>
      <c r="AB3" s="4"/>
      <c r="AC3" s="4"/>
      <c r="AD3" s="4"/>
      <c r="AE3" s="4"/>
      <c r="AF3" s="4"/>
    </row>
    <row r="4" spans="1:32" ht="20.25" customHeight="1" x14ac:dyDescent="0.4"/>
    <row r="5" spans="1:32" ht="30" customHeight="1" x14ac:dyDescent="0.4">
      <c r="J5" s="5"/>
      <c r="K5" s="5"/>
      <c r="L5" s="5"/>
      <c r="M5" s="5"/>
      <c r="N5" s="5"/>
      <c r="O5" s="5"/>
      <c r="P5" s="5"/>
      <c r="Q5" s="5"/>
      <c r="R5" s="5"/>
      <c r="S5" s="6" t="s">
        <v>2</v>
      </c>
      <c r="T5" s="7"/>
      <c r="U5" s="7"/>
      <c r="V5" s="8"/>
      <c r="W5" s="9"/>
      <c r="X5" s="10"/>
      <c r="Y5" s="10"/>
      <c r="Z5" s="10"/>
      <c r="AA5" s="10"/>
      <c r="AB5" s="10"/>
      <c r="AC5" s="10"/>
      <c r="AD5" s="10"/>
      <c r="AE5" s="10"/>
      <c r="AF5" s="11"/>
    </row>
    <row r="6" spans="1:32" ht="20.25" customHeight="1" x14ac:dyDescent="0.4"/>
    <row r="7" spans="1:32" ht="18" customHeight="1" x14ac:dyDescent="0.4">
      <c r="A7" s="6" t="s">
        <v>3</v>
      </c>
      <c r="B7" s="7"/>
      <c r="C7" s="8"/>
      <c r="D7" s="6" t="s">
        <v>4</v>
      </c>
      <c r="E7" s="8"/>
      <c r="F7" s="12" t="s">
        <v>5</v>
      </c>
      <c r="G7" s="13"/>
      <c r="H7" s="6" t="s">
        <v>6</v>
      </c>
      <c r="I7" s="7"/>
      <c r="J7" s="7"/>
      <c r="K7" s="7"/>
      <c r="L7" s="7"/>
      <c r="M7" s="7"/>
      <c r="N7" s="7"/>
      <c r="O7" s="7"/>
      <c r="P7" s="7"/>
      <c r="Q7" s="7"/>
      <c r="R7" s="7"/>
      <c r="S7" s="7"/>
      <c r="T7" s="7"/>
      <c r="U7" s="7"/>
      <c r="V7" s="7"/>
      <c r="W7" s="7"/>
      <c r="X7" s="8"/>
      <c r="Y7" s="6" t="s">
        <v>7</v>
      </c>
      <c r="Z7" s="7"/>
      <c r="AA7" s="7"/>
      <c r="AB7" s="8"/>
      <c r="AC7" s="6" t="s">
        <v>8</v>
      </c>
      <c r="AD7" s="7"/>
      <c r="AE7" s="7"/>
      <c r="AF7" s="8"/>
    </row>
    <row r="8" spans="1:32" ht="18.75" customHeight="1" x14ac:dyDescent="0.4">
      <c r="A8" s="14" t="s">
        <v>9</v>
      </c>
      <c r="B8" s="15"/>
      <c r="C8" s="16"/>
      <c r="D8" s="17"/>
      <c r="E8" s="18"/>
      <c r="F8" s="19"/>
      <c r="G8" s="20"/>
      <c r="H8" s="21" t="s">
        <v>10</v>
      </c>
      <c r="I8" s="22" t="s">
        <v>11</v>
      </c>
      <c r="J8" s="23" t="s">
        <v>12</v>
      </c>
      <c r="K8" s="24"/>
      <c r="L8" s="24"/>
      <c r="M8" s="22" t="s">
        <v>11</v>
      </c>
      <c r="N8" s="23" t="s">
        <v>13</v>
      </c>
      <c r="O8" s="24"/>
      <c r="P8" s="24"/>
      <c r="Q8" s="22" t="s">
        <v>11</v>
      </c>
      <c r="R8" s="23" t="s">
        <v>14</v>
      </c>
      <c r="S8" s="24"/>
      <c r="T8" s="24"/>
      <c r="U8" s="22" t="s">
        <v>11</v>
      </c>
      <c r="V8" s="23" t="s">
        <v>15</v>
      </c>
      <c r="W8" s="24"/>
      <c r="X8" s="25"/>
      <c r="Y8" s="26"/>
      <c r="Z8" s="27"/>
      <c r="AA8" s="27"/>
      <c r="AB8" s="28"/>
      <c r="AC8" s="26"/>
      <c r="AD8" s="27"/>
      <c r="AE8" s="27"/>
      <c r="AF8" s="28"/>
    </row>
    <row r="9" spans="1:32" ht="18.75" customHeight="1" x14ac:dyDescent="0.4">
      <c r="A9" s="29"/>
      <c r="B9" s="30"/>
      <c r="C9" s="31"/>
      <c r="D9" s="32"/>
      <c r="E9" s="33"/>
      <c r="F9" s="34"/>
      <c r="G9" s="35"/>
      <c r="H9" s="36"/>
      <c r="I9" s="37" t="s">
        <v>11</v>
      </c>
      <c r="J9" s="38" t="s">
        <v>16</v>
      </c>
      <c r="K9" s="39"/>
      <c r="L9" s="39"/>
      <c r="M9" s="40" t="s">
        <v>11</v>
      </c>
      <c r="N9" s="38" t="s">
        <v>17</v>
      </c>
      <c r="O9" s="39"/>
      <c r="P9" s="39"/>
      <c r="Q9" s="40" t="s">
        <v>11</v>
      </c>
      <c r="R9" s="38" t="s">
        <v>18</v>
      </c>
      <c r="S9" s="39"/>
      <c r="T9" s="39"/>
      <c r="U9" s="40" t="s">
        <v>11</v>
      </c>
      <c r="V9" s="38" t="s">
        <v>19</v>
      </c>
      <c r="W9" s="39"/>
      <c r="X9" s="41"/>
      <c r="Y9" s="42"/>
      <c r="Z9" s="43"/>
      <c r="AA9" s="43"/>
      <c r="AB9" s="44"/>
      <c r="AC9" s="42"/>
      <c r="AD9" s="43"/>
      <c r="AE9" s="43"/>
      <c r="AF9" s="44"/>
    </row>
    <row r="10" spans="1:32" ht="19.5" customHeight="1" x14ac:dyDescent="0.4">
      <c r="A10" s="45"/>
      <c r="B10" s="46"/>
      <c r="C10" s="47"/>
      <c r="D10" s="48"/>
      <c r="E10" s="49"/>
      <c r="F10" s="50"/>
      <c r="G10" s="51"/>
      <c r="H10" s="52" t="s">
        <v>20</v>
      </c>
      <c r="I10" s="53" t="s">
        <v>11</v>
      </c>
      <c r="J10" s="54" t="s">
        <v>21</v>
      </c>
      <c r="K10" s="55"/>
      <c r="L10" s="56"/>
      <c r="M10" s="57" t="s">
        <v>11</v>
      </c>
      <c r="N10" s="54" t="s">
        <v>22</v>
      </c>
      <c r="O10" s="57"/>
      <c r="P10" s="54"/>
      <c r="Q10" s="58"/>
      <c r="R10" s="58"/>
      <c r="S10" s="58"/>
      <c r="T10" s="58"/>
      <c r="U10" s="58"/>
      <c r="V10" s="58"/>
      <c r="W10" s="58"/>
      <c r="X10" s="59"/>
      <c r="Y10" s="22" t="s">
        <v>11</v>
      </c>
      <c r="Z10" s="23" t="s">
        <v>23</v>
      </c>
      <c r="AA10" s="23"/>
      <c r="AB10" s="60"/>
      <c r="AC10" s="22" t="s">
        <v>11</v>
      </c>
      <c r="AD10" s="23" t="s">
        <v>23</v>
      </c>
      <c r="AE10" s="23"/>
      <c r="AF10" s="60"/>
    </row>
    <row r="11" spans="1:32" ht="18.75" customHeight="1" x14ac:dyDescent="0.4">
      <c r="A11" s="45"/>
      <c r="B11" s="46"/>
      <c r="C11" s="61"/>
      <c r="D11" s="50"/>
      <c r="E11" s="49"/>
      <c r="F11" s="50"/>
      <c r="G11" s="62"/>
      <c r="H11" s="63" t="s">
        <v>24</v>
      </c>
      <c r="I11" s="22" t="s">
        <v>11</v>
      </c>
      <c r="J11" s="64" t="s">
        <v>25</v>
      </c>
      <c r="K11" s="65"/>
      <c r="L11" s="22" t="s">
        <v>11</v>
      </c>
      <c r="M11" s="64" t="s">
        <v>26</v>
      </c>
      <c r="N11" s="64"/>
      <c r="O11" s="64"/>
      <c r="P11" s="64"/>
      <c r="Q11" s="64"/>
      <c r="R11" s="64"/>
      <c r="S11" s="64"/>
      <c r="T11" s="64"/>
      <c r="U11" s="64"/>
      <c r="V11" s="64"/>
      <c r="W11" s="64"/>
      <c r="X11" s="66"/>
      <c r="Y11" s="22" t="s">
        <v>11</v>
      </c>
      <c r="Z11" s="67" t="s">
        <v>27</v>
      </c>
      <c r="AA11" s="68"/>
      <c r="AB11" s="69"/>
      <c r="AC11" s="22" t="s">
        <v>11</v>
      </c>
      <c r="AD11" s="67" t="s">
        <v>27</v>
      </c>
      <c r="AE11" s="68"/>
      <c r="AF11" s="69"/>
    </row>
    <row r="12" spans="1:32" ht="18.75" customHeight="1" x14ac:dyDescent="0.4">
      <c r="A12" s="45"/>
      <c r="B12" s="46"/>
      <c r="C12" s="61"/>
      <c r="D12" s="50"/>
      <c r="E12" s="49"/>
      <c r="F12" s="50"/>
      <c r="G12" s="62"/>
      <c r="H12" s="70" t="s">
        <v>28</v>
      </c>
      <c r="I12" s="71" t="s">
        <v>11</v>
      </c>
      <c r="J12" s="72" t="s">
        <v>29</v>
      </c>
      <c r="K12" s="72"/>
      <c r="L12" s="72"/>
      <c r="M12" s="71" t="s">
        <v>11</v>
      </c>
      <c r="N12" s="72" t="s">
        <v>30</v>
      </c>
      <c r="O12" s="72"/>
      <c r="P12" s="72"/>
      <c r="Q12" s="73"/>
      <c r="R12" s="73"/>
      <c r="S12" s="73"/>
      <c r="T12" s="73"/>
      <c r="U12" s="73"/>
      <c r="V12" s="73"/>
      <c r="W12" s="73"/>
      <c r="X12" s="74"/>
      <c r="AB12" s="69"/>
      <c r="AF12" s="69"/>
    </row>
    <row r="13" spans="1:32" ht="18.75" customHeight="1" x14ac:dyDescent="0.4">
      <c r="A13" s="45"/>
      <c r="B13" s="46"/>
      <c r="C13" s="61"/>
      <c r="D13" s="50"/>
      <c r="E13" s="49"/>
      <c r="F13" s="50"/>
      <c r="G13" s="62"/>
      <c r="H13" s="75"/>
      <c r="I13" s="76"/>
      <c r="J13" s="77"/>
      <c r="K13" s="77"/>
      <c r="L13" s="77"/>
      <c r="M13" s="76"/>
      <c r="N13" s="77"/>
      <c r="O13" s="77"/>
      <c r="P13" s="77"/>
      <c r="Q13" s="78"/>
      <c r="R13" s="78"/>
      <c r="S13" s="78"/>
      <c r="T13" s="78"/>
      <c r="U13" s="78"/>
      <c r="V13" s="78"/>
      <c r="W13" s="78"/>
      <c r="X13" s="79"/>
      <c r="Y13" s="80"/>
      <c r="Z13" s="68"/>
      <c r="AA13" s="68"/>
      <c r="AB13" s="69"/>
      <c r="AC13" s="80"/>
      <c r="AD13" s="68"/>
      <c r="AE13" s="68"/>
      <c r="AF13" s="69"/>
    </row>
    <row r="14" spans="1:32" ht="18.75" customHeight="1" x14ac:dyDescent="0.4">
      <c r="A14" s="45"/>
      <c r="B14" s="46"/>
      <c r="C14" s="61"/>
      <c r="D14" s="50"/>
      <c r="E14" s="49"/>
      <c r="F14" s="50"/>
      <c r="G14" s="62"/>
      <c r="H14" s="70" t="s">
        <v>31</v>
      </c>
      <c r="I14" s="71" t="s">
        <v>11</v>
      </c>
      <c r="J14" s="72" t="s">
        <v>29</v>
      </c>
      <c r="K14" s="72"/>
      <c r="L14" s="72"/>
      <c r="M14" s="71" t="s">
        <v>11</v>
      </c>
      <c r="N14" s="72" t="s">
        <v>30</v>
      </c>
      <c r="O14" s="72"/>
      <c r="P14" s="72"/>
      <c r="Q14" s="73"/>
      <c r="R14" s="73"/>
      <c r="S14" s="73"/>
      <c r="T14" s="73"/>
      <c r="U14" s="73"/>
      <c r="V14" s="73"/>
      <c r="W14" s="73"/>
      <c r="X14" s="74"/>
      <c r="Y14" s="80"/>
      <c r="Z14" s="68"/>
      <c r="AA14" s="68"/>
      <c r="AB14" s="69"/>
      <c r="AC14" s="80"/>
      <c r="AD14" s="68"/>
      <c r="AE14" s="68"/>
      <c r="AF14" s="69"/>
    </row>
    <row r="15" spans="1:32" ht="18.75" customHeight="1" x14ac:dyDescent="0.4">
      <c r="A15" s="45"/>
      <c r="B15" s="46"/>
      <c r="C15" s="61"/>
      <c r="D15" s="50"/>
      <c r="E15" s="49"/>
      <c r="F15" s="50"/>
      <c r="G15" s="62"/>
      <c r="H15" s="75"/>
      <c r="I15" s="76"/>
      <c r="J15" s="77"/>
      <c r="K15" s="77"/>
      <c r="L15" s="77"/>
      <c r="M15" s="76"/>
      <c r="N15" s="77"/>
      <c r="O15" s="77"/>
      <c r="P15" s="77"/>
      <c r="Q15" s="78"/>
      <c r="R15" s="78"/>
      <c r="S15" s="78"/>
      <c r="T15" s="78"/>
      <c r="U15" s="78"/>
      <c r="V15" s="78"/>
      <c r="W15" s="78"/>
      <c r="X15" s="79"/>
      <c r="Y15" s="80"/>
      <c r="Z15" s="68"/>
      <c r="AA15" s="68"/>
      <c r="AB15" s="69"/>
      <c r="AC15" s="80"/>
      <c r="AD15" s="68"/>
      <c r="AE15" s="68"/>
      <c r="AF15" s="69"/>
    </row>
    <row r="16" spans="1:32" ht="18.75" customHeight="1" x14ac:dyDescent="0.4">
      <c r="A16" s="45"/>
      <c r="B16" s="46"/>
      <c r="C16" s="47"/>
      <c r="D16" s="50"/>
      <c r="E16" s="49"/>
      <c r="F16" s="50"/>
      <c r="G16" s="62"/>
      <c r="H16" s="81" t="s">
        <v>32</v>
      </c>
      <c r="I16" s="53" t="s">
        <v>11</v>
      </c>
      <c r="J16" s="54" t="s">
        <v>25</v>
      </c>
      <c r="K16" s="55"/>
      <c r="L16" s="57" t="s">
        <v>11</v>
      </c>
      <c r="M16" s="54" t="s">
        <v>33</v>
      </c>
      <c r="N16" s="54"/>
      <c r="O16" s="82" t="s">
        <v>11</v>
      </c>
      <c r="P16" s="83" t="s">
        <v>34</v>
      </c>
      <c r="Q16" s="54"/>
      <c r="R16" s="54"/>
      <c r="S16" s="55"/>
      <c r="T16" s="55"/>
      <c r="U16" s="55"/>
      <c r="V16" s="55"/>
      <c r="W16" s="55"/>
      <c r="X16" s="84"/>
      <c r="Y16" s="80"/>
      <c r="Z16" s="68"/>
      <c r="AA16" s="68"/>
      <c r="AB16" s="69"/>
      <c r="AC16" s="80"/>
      <c r="AD16" s="68"/>
      <c r="AE16" s="68"/>
      <c r="AF16" s="69"/>
    </row>
    <row r="17" spans="1:32" ht="18.75" customHeight="1" x14ac:dyDescent="0.4">
      <c r="A17" s="85" t="s">
        <v>11</v>
      </c>
      <c r="B17" s="46">
        <v>76</v>
      </c>
      <c r="C17" s="61" t="s">
        <v>35</v>
      </c>
      <c r="D17" s="85" t="s">
        <v>11</v>
      </c>
      <c r="E17" s="49" t="s">
        <v>36</v>
      </c>
      <c r="F17" s="50"/>
      <c r="G17" s="62"/>
      <c r="H17" s="81" t="s">
        <v>37</v>
      </c>
      <c r="I17" s="53" t="s">
        <v>11</v>
      </c>
      <c r="J17" s="54" t="s">
        <v>38</v>
      </c>
      <c r="K17" s="55"/>
      <c r="L17" s="56"/>
      <c r="M17" s="22" t="s">
        <v>11</v>
      </c>
      <c r="N17" s="54" t="s">
        <v>39</v>
      </c>
      <c r="O17" s="58"/>
      <c r="P17" s="58"/>
      <c r="Q17" s="55"/>
      <c r="R17" s="55"/>
      <c r="S17" s="55"/>
      <c r="T17" s="55"/>
      <c r="U17" s="55"/>
      <c r="V17" s="55"/>
      <c r="W17" s="55"/>
      <c r="X17" s="84"/>
      <c r="Y17" s="80"/>
      <c r="Z17" s="68"/>
      <c r="AA17" s="68"/>
      <c r="AB17" s="69"/>
      <c r="AC17" s="80"/>
      <c r="AD17" s="68"/>
      <c r="AE17" s="68"/>
      <c r="AF17" s="69"/>
    </row>
    <row r="18" spans="1:32" ht="18.75" customHeight="1" x14ac:dyDescent="0.4">
      <c r="A18" s="45"/>
      <c r="B18" s="46"/>
      <c r="C18" s="61" t="s">
        <v>40</v>
      </c>
      <c r="D18" s="85" t="s">
        <v>11</v>
      </c>
      <c r="E18" s="49" t="s">
        <v>41</v>
      </c>
      <c r="F18" s="50"/>
      <c r="G18" s="62"/>
      <c r="H18" s="81" t="s">
        <v>42</v>
      </c>
      <c r="I18" s="53" t="s">
        <v>11</v>
      </c>
      <c r="J18" s="54" t="s">
        <v>25</v>
      </c>
      <c r="K18" s="55"/>
      <c r="L18" s="57" t="s">
        <v>11</v>
      </c>
      <c r="M18" s="54" t="s">
        <v>26</v>
      </c>
      <c r="N18" s="54"/>
      <c r="O18" s="55"/>
      <c r="P18" s="55"/>
      <c r="Q18" s="55"/>
      <c r="R18" s="55"/>
      <c r="S18" s="55"/>
      <c r="T18" s="55"/>
      <c r="U18" s="55"/>
      <c r="V18" s="55"/>
      <c r="W18" s="55"/>
      <c r="X18" s="84"/>
      <c r="Y18" s="80"/>
      <c r="Z18" s="68"/>
      <c r="AA18" s="68"/>
      <c r="AB18" s="69"/>
      <c r="AC18" s="80"/>
      <c r="AD18" s="68"/>
      <c r="AE18" s="68"/>
      <c r="AF18" s="69"/>
    </row>
    <row r="19" spans="1:32" ht="18.75" customHeight="1" x14ac:dyDescent="0.4">
      <c r="A19" s="45"/>
      <c r="B19" s="46"/>
      <c r="C19" s="61"/>
      <c r="D19" s="50"/>
      <c r="E19" s="49"/>
      <c r="F19" s="50"/>
      <c r="G19" s="62"/>
      <c r="H19" s="81" t="s">
        <v>43</v>
      </c>
      <c r="I19" s="53" t="s">
        <v>11</v>
      </c>
      <c r="J19" s="54" t="s">
        <v>25</v>
      </c>
      <c r="K19" s="55"/>
      <c r="L19" s="57" t="s">
        <v>11</v>
      </c>
      <c r="M19" s="54" t="s">
        <v>33</v>
      </c>
      <c r="N19" s="54"/>
      <c r="O19" s="82" t="s">
        <v>11</v>
      </c>
      <c r="P19" s="83" t="s">
        <v>34</v>
      </c>
      <c r="Q19" s="54"/>
      <c r="R19" s="54"/>
      <c r="S19" s="55"/>
      <c r="T19" s="54"/>
      <c r="U19" s="55"/>
      <c r="V19" s="55"/>
      <c r="W19" s="55"/>
      <c r="X19" s="84"/>
      <c r="Y19" s="80"/>
      <c r="Z19" s="68"/>
      <c r="AA19" s="68"/>
      <c r="AB19" s="69"/>
      <c r="AC19" s="80"/>
      <c r="AD19" s="68"/>
      <c r="AE19" s="68"/>
      <c r="AF19" s="69"/>
    </row>
    <row r="20" spans="1:32" ht="18.75" customHeight="1" x14ac:dyDescent="0.4">
      <c r="A20" s="45"/>
      <c r="B20" s="46"/>
      <c r="C20" s="47"/>
      <c r="D20" s="50"/>
      <c r="E20" s="49"/>
      <c r="F20" s="50"/>
      <c r="G20" s="62"/>
      <c r="H20" s="86" t="s">
        <v>44</v>
      </c>
      <c r="I20" s="87" t="s">
        <v>11</v>
      </c>
      <c r="J20" s="54" t="s">
        <v>25</v>
      </c>
      <c r="K20" s="54"/>
      <c r="L20" s="57" t="s">
        <v>11</v>
      </c>
      <c r="M20" s="54" t="s">
        <v>45</v>
      </c>
      <c r="N20" s="54"/>
      <c r="O20" s="57" t="s">
        <v>11</v>
      </c>
      <c r="P20" s="54" t="s">
        <v>46</v>
      </c>
      <c r="Q20" s="58"/>
      <c r="R20" s="55"/>
      <c r="S20" s="55"/>
      <c r="T20" s="55"/>
      <c r="U20" s="55"/>
      <c r="V20" s="55"/>
      <c r="W20" s="55"/>
      <c r="X20" s="84"/>
      <c r="Y20" s="80"/>
      <c r="Z20" s="68"/>
      <c r="AA20" s="68"/>
      <c r="AB20" s="69"/>
      <c r="AC20" s="80"/>
      <c r="AD20" s="68"/>
      <c r="AE20" s="68"/>
      <c r="AF20" s="69"/>
    </row>
    <row r="21" spans="1:32" ht="19.5" customHeight="1" x14ac:dyDescent="0.4">
      <c r="A21" s="45"/>
      <c r="B21" s="46"/>
      <c r="C21" s="47"/>
      <c r="D21" s="50"/>
      <c r="E21" s="49"/>
      <c r="F21" s="50"/>
      <c r="G21" s="51"/>
      <c r="H21" s="88" t="s">
        <v>47</v>
      </c>
      <c r="I21" s="53" t="s">
        <v>11</v>
      </c>
      <c r="J21" s="54" t="s">
        <v>25</v>
      </c>
      <c r="K21" s="54"/>
      <c r="L21" s="57" t="s">
        <v>11</v>
      </c>
      <c r="M21" s="54" t="s">
        <v>26</v>
      </c>
      <c r="N21" s="54"/>
      <c r="O21" s="58"/>
      <c r="P21" s="54"/>
      <c r="Q21" s="58"/>
      <c r="R21" s="58"/>
      <c r="S21" s="58"/>
      <c r="T21" s="58"/>
      <c r="U21" s="58"/>
      <c r="V21" s="58"/>
      <c r="W21" s="58"/>
      <c r="X21" s="59"/>
      <c r="Y21" s="68"/>
      <c r="Z21" s="68"/>
      <c r="AA21" s="68"/>
      <c r="AB21" s="69"/>
      <c r="AC21" s="80"/>
      <c r="AD21" s="68"/>
      <c r="AE21" s="68"/>
      <c r="AF21" s="69"/>
    </row>
    <row r="22" spans="1:32" ht="18.75" customHeight="1" x14ac:dyDescent="0.4">
      <c r="A22" s="45"/>
      <c r="B22" s="46"/>
      <c r="C22" s="61"/>
      <c r="D22" s="50"/>
      <c r="E22" s="49"/>
      <c r="F22" s="50"/>
      <c r="G22" s="62"/>
      <c r="H22" s="81" t="s">
        <v>48</v>
      </c>
      <c r="I22" s="53" t="s">
        <v>11</v>
      </c>
      <c r="J22" s="54" t="s">
        <v>25</v>
      </c>
      <c r="K22" s="54"/>
      <c r="L22" s="57" t="s">
        <v>11</v>
      </c>
      <c r="M22" s="54" t="s">
        <v>49</v>
      </c>
      <c r="N22" s="54"/>
      <c r="O22" s="57" t="s">
        <v>11</v>
      </c>
      <c r="P22" s="54" t="s">
        <v>50</v>
      </c>
      <c r="Q22" s="89"/>
      <c r="R22" s="57" t="s">
        <v>11</v>
      </c>
      <c r="S22" s="54" t="s">
        <v>51</v>
      </c>
      <c r="T22" s="54"/>
      <c r="U22" s="54"/>
      <c r="V22" s="54"/>
      <c r="W22" s="54"/>
      <c r="X22" s="90"/>
      <c r="Y22" s="80"/>
      <c r="Z22" s="68"/>
      <c r="AA22" s="68"/>
      <c r="AB22" s="69"/>
      <c r="AC22" s="80"/>
      <c r="AD22" s="68"/>
      <c r="AE22" s="68"/>
      <c r="AF22" s="69"/>
    </row>
    <row r="23" spans="1:32" ht="18.75" customHeight="1" x14ac:dyDescent="0.4">
      <c r="A23" s="45"/>
      <c r="B23" s="46"/>
      <c r="C23" s="47"/>
      <c r="D23" s="48"/>
      <c r="E23" s="49"/>
      <c r="F23" s="50"/>
      <c r="G23" s="51"/>
      <c r="H23" s="91" t="s">
        <v>52</v>
      </c>
      <c r="I23" s="53" t="s">
        <v>11</v>
      </c>
      <c r="J23" s="54" t="s">
        <v>25</v>
      </c>
      <c r="K23" s="54"/>
      <c r="L23" s="57" t="s">
        <v>11</v>
      </c>
      <c r="M23" s="54" t="s">
        <v>49</v>
      </c>
      <c r="N23" s="54"/>
      <c r="O23" s="57" t="s">
        <v>11</v>
      </c>
      <c r="P23" s="54" t="s">
        <v>50</v>
      </c>
      <c r="Q23" s="54"/>
      <c r="R23" s="57" t="s">
        <v>11</v>
      </c>
      <c r="S23" s="54" t="s">
        <v>53</v>
      </c>
      <c r="T23" s="54"/>
      <c r="U23" s="58"/>
      <c r="V23" s="58"/>
      <c r="W23" s="58"/>
      <c r="X23" s="59"/>
      <c r="Y23" s="68"/>
      <c r="Z23" s="68"/>
      <c r="AA23" s="68"/>
      <c r="AB23" s="69"/>
      <c r="AC23" s="80"/>
      <c r="AD23" s="68"/>
      <c r="AE23" s="68"/>
      <c r="AF23" s="69"/>
    </row>
    <row r="24" spans="1:32" ht="18.75" customHeight="1" x14ac:dyDescent="0.4">
      <c r="A24" s="45"/>
      <c r="B24" s="46"/>
      <c r="C24" s="47"/>
      <c r="D24" s="48"/>
      <c r="E24" s="49"/>
      <c r="F24" s="50"/>
      <c r="G24" s="51"/>
      <c r="H24" s="92" t="s">
        <v>54</v>
      </c>
      <c r="I24" s="93" t="s">
        <v>11</v>
      </c>
      <c r="J24" s="83" t="s">
        <v>55</v>
      </c>
      <c r="K24" s="83"/>
      <c r="L24" s="82" t="s">
        <v>11</v>
      </c>
      <c r="M24" s="83" t="s">
        <v>56</v>
      </c>
      <c r="N24" s="83"/>
      <c r="O24" s="82" t="s">
        <v>11</v>
      </c>
      <c r="P24" s="83" t="s">
        <v>57</v>
      </c>
      <c r="Q24" s="83"/>
      <c r="R24" s="82"/>
      <c r="S24" s="83"/>
      <c r="T24" s="83"/>
      <c r="U24" s="94"/>
      <c r="V24" s="94"/>
      <c r="W24" s="94"/>
      <c r="X24" s="95"/>
      <c r="Y24" s="68"/>
      <c r="Z24" s="68"/>
      <c r="AA24" s="68"/>
      <c r="AB24" s="69"/>
      <c r="AC24" s="80"/>
      <c r="AD24" s="68"/>
      <c r="AE24" s="68"/>
      <c r="AF24" s="69"/>
    </row>
    <row r="25" spans="1:32" ht="19.5" customHeight="1" x14ac:dyDescent="0.4">
      <c r="A25" s="96"/>
      <c r="B25" s="97"/>
      <c r="C25" s="98"/>
      <c r="D25" s="34"/>
      <c r="E25" s="41"/>
      <c r="F25" s="99"/>
      <c r="G25" s="100"/>
      <c r="H25" s="101" t="s">
        <v>58</v>
      </c>
      <c r="I25" s="102" t="s">
        <v>11</v>
      </c>
      <c r="J25" s="103" t="s">
        <v>25</v>
      </c>
      <c r="K25" s="103"/>
      <c r="L25" s="104" t="s">
        <v>11</v>
      </c>
      <c r="M25" s="103" t="s">
        <v>26</v>
      </c>
      <c r="N25" s="103"/>
      <c r="O25" s="103"/>
      <c r="P25" s="103"/>
      <c r="Q25" s="105"/>
      <c r="R25" s="105"/>
      <c r="S25" s="105"/>
      <c r="T25" s="105"/>
      <c r="U25" s="105"/>
      <c r="V25" s="105"/>
      <c r="W25" s="105"/>
      <c r="X25" s="106"/>
      <c r="Y25" s="107"/>
      <c r="Z25" s="107"/>
      <c r="AA25" s="107"/>
      <c r="AB25" s="108"/>
      <c r="AC25" s="109"/>
      <c r="AD25" s="107"/>
      <c r="AE25" s="107"/>
      <c r="AF25" s="108"/>
    </row>
    <row r="26" spans="1:32" ht="19.5" customHeight="1" x14ac:dyDescent="0.4">
      <c r="A26" s="45"/>
      <c r="B26" s="46"/>
      <c r="C26" s="61"/>
      <c r="D26" s="48"/>
      <c r="E26" s="49"/>
      <c r="F26" s="50"/>
      <c r="G26" s="51"/>
      <c r="H26" s="52" t="s">
        <v>20</v>
      </c>
      <c r="I26" s="53" t="s">
        <v>11</v>
      </c>
      <c r="J26" s="54" t="s">
        <v>21</v>
      </c>
      <c r="K26" s="55"/>
      <c r="L26" s="56"/>
      <c r="M26" s="57" t="s">
        <v>11</v>
      </c>
      <c r="N26" s="54" t="s">
        <v>22</v>
      </c>
      <c r="O26" s="57"/>
      <c r="P26" s="110"/>
      <c r="Q26" s="111"/>
      <c r="R26" s="111"/>
      <c r="S26" s="111"/>
      <c r="T26" s="111"/>
      <c r="U26" s="111"/>
      <c r="V26" s="111"/>
      <c r="W26" s="111"/>
      <c r="X26" s="112"/>
      <c r="Y26" s="22" t="s">
        <v>11</v>
      </c>
      <c r="Z26" s="23" t="s">
        <v>23</v>
      </c>
      <c r="AA26" s="23"/>
      <c r="AB26" s="60"/>
      <c r="AC26" s="22" t="s">
        <v>11</v>
      </c>
      <c r="AD26" s="23" t="s">
        <v>23</v>
      </c>
      <c r="AE26" s="23"/>
      <c r="AF26" s="60"/>
    </row>
    <row r="27" spans="1:32" ht="18.75" customHeight="1" x14ac:dyDescent="0.4">
      <c r="A27" s="45"/>
      <c r="B27" s="46"/>
      <c r="C27" s="61"/>
      <c r="D27" s="50"/>
      <c r="E27" s="49"/>
      <c r="F27" s="50"/>
      <c r="G27" s="62"/>
      <c r="H27" s="63" t="s">
        <v>59</v>
      </c>
      <c r="I27" s="53" t="s">
        <v>11</v>
      </c>
      <c r="J27" s="54" t="s">
        <v>38</v>
      </c>
      <c r="K27" s="55"/>
      <c r="L27" s="56"/>
      <c r="M27" s="22" t="s">
        <v>11</v>
      </c>
      <c r="N27" s="54" t="s">
        <v>39</v>
      </c>
      <c r="O27" s="58"/>
      <c r="P27" s="64"/>
      <c r="Q27" s="64"/>
      <c r="R27" s="64"/>
      <c r="S27" s="64"/>
      <c r="T27" s="64"/>
      <c r="U27" s="64"/>
      <c r="V27" s="64"/>
      <c r="W27" s="64"/>
      <c r="X27" s="66"/>
      <c r="Y27" s="22" t="s">
        <v>11</v>
      </c>
      <c r="Z27" s="67" t="s">
        <v>27</v>
      </c>
      <c r="AA27" s="68"/>
      <c r="AB27" s="69"/>
      <c r="AC27" s="22" t="s">
        <v>11</v>
      </c>
      <c r="AD27" s="67" t="s">
        <v>27</v>
      </c>
      <c r="AE27" s="68"/>
      <c r="AF27" s="69"/>
    </row>
    <row r="28" spans="1:32" ht="18.75" customHeight="1" x14ac:dyDescent="0.4">
      <c r="A28" s="45"/>
      <c r="B28" s="46"/>
      <c r="C28" s="61"/>
      <c r="D28" s="50"/>
      <c r="E28" s="49"/>
      <c r="F28" s="50"/>
      <c r="G28" s="62"/>
      <c r="H28" s="81" t="s">
        <v>24</v>
      </c>
      <c r="I28" s="53" t="s">
        <v>11</v>
      </c>
      <c r="J28" s="54" t="s">
        <v>25</v>
      </c>
      <c r="K28" s="55"/>
      <c r="L28" s="57" t="s">
        <v>11</v>
      </c>
      <c r="M28" s="54" t="s">
        <v>26</v>
      </c>
      <c r="N28" s="89"/>
      <c r="O28" s="89"/>
      <c r="P28" s="89"/>
      <c r="Q28" s="89"/>
      <c r="R28" s="89"/>
      <c r="S28" s="89"/>
      <c r="T28" s="89"/>
      <c r="U28" s="89"/>
      <c r="V28" s="89"/>
      <c r="W28" s="89"/>
      <c r="X28" s="113"/>
      <c r="Y28" s="80"/>
      <c r="Z28" s="68"/>
      <c r="AA28" s="68"/>
      <c r="AB28" s="69"/>
      <c r="AC28" s="80"/>
      <c r="AD28" s="68"/>
      <c r="AE28" s="68"/>
      <c r="AF28" s="69"/>
    </row>
    <row r="29" spans="1:32" ht="18.75" customHeight="1" x14ac:dyDescent="0.4">
      <c r="A29" s="45"/>
      <c r="B29" s="46"/>
      <c r="C29" s="61"/>
      <c r="D29" s="50"/>
      <c r="E29" s="49"/>
      <c r="F29" s="50"/>
      <c r="G29" s="62"/>
      <c r="H29" s="70" t="s">
        <v>60</v>
      </c>
      <c r="I29" s="71" t="s">
        <v>11</v>
      </c>
      <c r="J29" s="72" t="s">
        <v>29</v>
      </c>
      <c r="K29" s="72"/>
      <c r="L29" s="72"/>
      <c r="M29" s="71" t="s">
        <v>11</v>
      </c>
      <c r="N29" s="72" t="s">
        <v>30</v>
      </c>
      <c r="O29" s="72"/>
      <c r="P29" s="72"/>
      <c r="Q29" s="73"/>
      <c r="R29" s="73"/>
      <c r="S29" s="73"/>
      <c r="T29" s="73"/>
      <c r="U29" s="73"/>
      <c r="V29" s="73"/>
      <c r="W29" s="73"/>
      <c r="X29" s="74"/>
      <c r="Y29" s="80"/>
      <c r="Z29" s="68"/>
      <c r="AA29" s="68"/>
      <c r="AB29" s="69"/>
      <c r="AC29" s="80"/>
      <c r="AD29" s="68"/>
      <c r="AE29" s="68"/>
      <c r="AF29" s="69"/>
    </row>
    <row r="30" spans="1:32" ht="18.75" customHeight="1" x14ac:dyDescent="0.4">
      <c r="A30" s="45"/>
      <c r="B30" s="46"/>
      <c r="C30" s="61"/>
      <c r="D30" s="50"/>
      <c r="E30" s="49"/>
      <c r="F30" s="50"/>
      <c r="G30" s="62"/>
      <c r="H30" s="75"/>
      <c r="I30" s="76"/>
      <c r="J30" s="77"/>
      <c r="K30" s="77"/>
      <c r="L30" s="77"/>
      <c r="M30" s="76"/>
      <c r="N30" s="77"/>
      <c r="O30" s="77"/>
      <c r="P30" s="77"/>
      <c r="Q30" s="78"/>
      <c r="R30" s="78"/>
      <c r="S30" s="78"/>
      <c r="T30" s="78"/>
      <c r="U30" s="78"/>
      <c r="V30" s="78"/>
      <c r="W30" s="78"/>
      <c r="X30" s="79"/>
      <c r="Y30" s="80"/>
      <c r="Z30" s="68"/>
      <c r="AA30" s="68"/>
      <c r="AB30" s="69"/>
      <c r="AC30" s="80"/>
      <c r="AD30" s="68"/>
      <c r="AE30" s="68"/>
      <c r="AF30" s="69"/>
    </row>
    <row r="31" spans="1:32" ht="18.75" customHeight="1" x14ac:dyDescent="0.4">
      <c r="A31" s="85" t="s">
        <v>11</v>
      </c>
      <c r="B31" s="46">
        <v>71</v>
      </c>
      <c r="C31" s="61" t="s">
        <v>61</v>
      </c>
      <c r="D31" s="85" t="s">
        <v>11</v>
      </c>
      <c r="E31" s="49" t="s">
        <v>62</v>
      </c>
      <c r="F31" s="50"/>
      <c r="G31" s="62"/>
      <c r="H31" s="86" t="s">
        <v>44</v>
      </c>
      <c r="I31" s="87" t="s">
        <v>11</v>
      </c>
      <c r="J31" s="54" t="s">
        <v>25</v>
      </c>
      <c r="K31" s="54"/>
      <c r="L31" s="57" t="s">
        <v>11</v>
      </c>
      <c r="M31" s="54" t="s">
        <v>45</v>
      </c>
      <c r="N31" s="54"/>
      <c r="O31" s="57" t="s">
        <v>11</v>
      </c>
      <c r="P31" s="54" t="s">
        <v>46</v>
      </c>
      <c r="Q31" s="58"/>
      <c r="R31" s="55"/>
      <c r="S31" s="55"/>
      <c r="T31" s="55"/>
      <c r="U31" s="55"/>
      <c r="V31" s="55"/>
      <c r="W31" s="55"/>
      <c r="X31" s="84"/>
      <c r="Y31" s="80"/>
      <c r="Z31" s="68"/>
      <c r="AA31" s="68"/>
      <c r="AB31" s="69"/>
      <c r="AC31" s="80"/>
      <c r="AD31" s="68"/>
      <c r="AE31" s="68"/>
      <c r="AF31" s="69"/>
    </row>
    <row r="32" spans="1:32" ht="18.75" customHeight="1" x14ac:dyDescent="0.4">
      <c r="A32" s="45"/>
      <c r="B32" s="46"/>
      <c r="C32" s="61"/>
      <c r="D32" s="85" t="s">
        <v>11</v>
      </c>
      <c r="E32" s="49" t="s">
        <v>63</v>
      </c>
      <c r="F32" s="50"/>
      <c r="G32" s="62"/>
      <c r="H32" s="114" t="s">
        <v>48</v>
      </c>
      <c r="I32" s="93" t="s">
        <v>11</v>
      </c>
      <c r="J32" s="83" t="s">
        <v>25</v>
      </c>
      <c r="K32" s="115"/>
      <c r="L32" s="82" t="s">
        <v>11</v>
      </c>
      <c r="M32" s="83" t="s">
        <v>64</v>
      </c>
      <c r="N32" s="115"/>
      <c r="O32" s="115"/>
      <c r="P32" s="115"/>
      <c r="Q32" s="115"/>
      <c r="R32" s="82" t="s">
        <v>11</v>
      </c>
      <c r="S32" s="83" t="s">
        <v>65</v>
      </c>
      <c r="T32" s="83"/>
      <c r="U32" s="115"/>
      <c r="V32" s="115"/>
      <c r="W32" s="115"/>
      <c r="X32" s="116"/>
      <c r="Y32" s="80"/>
      <c r="Z32" s="68"/>
      <c r="AA32" s="68"/>
      <c r="AB32" s="69"/>
      <c r="AC32" s="80"/>
      <c r="AD32" s="68"/>
      <c r="AE32" s="68"/>
      <c r="AF32" s="69"/>
    </row>
    <row r="33" spans="1:33" ht="18.75" customHeight="1" x14ac:dyDescent="0.4">
      <c r="A33" s="45"/>
      <c r="B33" s="46"/>
      <c r="C33" s="61"/>
      <c r="D33" s="48"/>
      <c r="E33" s="49"/>
      <c r="F33" s="50"/>
      <c r="G33" s="62"/>
      <c r="H33" s="117"/>
      <c r="I33" s="85" t="s">
        <v>11</v>
      </c>
      <c r="J33" s="2" t="s">
        <v>66</v>
      </c>
      <c r="K33" s="3"/>
      <c r="L33" s="3"/>
      <c r="M33" s="3"/>
      <c r="N33" s="3"/>
      <c r="O33" s="22" t="s">
        <v>11</v>
      </c>
      <c r="P33" s="118" t="s">
        <v>67</v>
      </c>
      <c r="Q33" s="3"/>
      <c r="R33" s="3"/>
      <c r="S33" s="3"/>
      <c r="T33" s="3"/>
      <c r="U33" s="3"/>
      <c r="V33" s="3"/>
      <c r="W33" s="3"/>
      <c r="X33" s="119"/>
      <c r="Y33" s="80"/>
      <c r="Z33" s="68"/>
      <c r="AA33" s="68"/>
      <c r="AB33" s="69"/>
      <c r="AC33" s="80"/>
      <c r="AD33" s="68"/>
      <c r="AE33" s="68"/>
      <c r="AF33" s="69"/>
    </row>
    <row r="34" spans="1:33" ht="18.75" customHeight="1" x14ac:dyDescent="0.4">
      <c r="A34" s="45"/>
      <c r="B34" s="46"/>
      <c r="C34" s="47"/>
      <c r="D34" s="48"/>
      <c r="E34" s="49"/>
      <c r="F34" s="50"/>
      <c r="G34" s="62"/>
      <c r="H34" s="120"/>
      <c r="I34" s="85" t="s">
        <v>11</v>
      </c>
      <c r="J34" s="2" t="s">
        <v>68</v>
      </c>
      <c r="K34" s="78"/>
      <c r="L34" s="78"/>
      <c r="M34" s="78"/>
      <c r="N34" s="78"/>
      <c r="O34" s="22" t="s">
        <v>11</v>
      </c>
      <c r="P34" s="118" t="s">
        <v>69</v>
      </c>
      <c r="Q34" s="78"/>
      <c r="R34" s="78"/>
      <c r="S34" s="78"/>
      <c r="T34" s="78"/>
      <c r="U34" s="78"/>
      <c r="V34" s="78"/>
      <c r="W34" s="78"/>
      <c r="X34" s="79"/>
      <c r="Y34" s="80"/>
      <c r="Z34" s="68"/>
      <c r="AA34" s="68"/>
      <c r="AB34" s="69"/>
      <c r="AC34" s="80"/>
      <c r="AD34" s="68"/>
      <c r="AE34" s="68"/>
      <c r="AF34" s="69"/>
    </row>
    <row r="35" spans="1:33" s="121" customFormat="1" ht="18.75" customHeight="1" x14ac:dyDescent="0.4">
      <c r="A35" s="45"/>
      <c r="B35" s="46"/>
      <c r="C35" s="47"/>
      <c r="D35" s="48"/>
      <c r="E35" s="49"/>
      <c r="F35" s="50"/>
      <c r="G35" s="51"/>
      <c r="H35" s="91" t="s">
        <v>52</v>
      </c>
      <c r="I35" s="53" t="s">
        <v>11</v>
      </c>
      <c r="J35" s="54" t="s">
        <v>25</v>
      </c>
      <c r="K35" s="54"/>
      <c r="L35" s="57" t="s">
        <v>11</v>
      </c>
      <c r="M35" s="54" t="s">
        <v>49</v>
      </c>
      <c r="N35" s="54"/>
      <c r="O35" s="57" t="s">
        <v>11</v>
      </c>
      <c r="P35" s="54" t="s">
        <v>50</v>
      </c>
      <c r="Q35" s="54"/>
      <c r="R35" s="57" t="s">
        <v>11</v>
      </c>
      <c r="S35" s="54" t="s">
        <v>53</v>
      </c>
      <c r="T35" s="54"/>
      <c r="U35" s="58"/>
      <c r="V35" s="58"/>
      <c r="W35" s="58"/>
      <c r="X35" s="59"/>
      <c r="Y35" s="68"/>
      <c r="Z35" s="68"/>
      <c r="AA35" s="68"/>
      <c r="AB35" s="69"/>
      <c r="AC35" s="80"/>
      <c r="AD35" s="68"/>
      <c r="AE35" s="68"/>
      <c r="AF35" s="69"/>
      <c r="AG35" s="2"/>
    </row>
    <row r="36" spans="1:33" ht="18.75" customHeight="1" x14ac:dyDescent="0.4">
      <c r="A36" s="45"/>
      <c r="B36" s="46"/>
      <c r="C36" s="47"/>
      <c r="D36" s="48"/>
      <c r="E36" s="49"/>
      <c r="F36" s="50"/>
      <c r="G36" s="51"/>
      <c r="H36" s="92" t="s">
        <v>54</v>
      </c>
      <c r="I36" s="93" t="s">
        <v>11</v>
      </c>
      <c r="J36" s="83" t="s">
        <v>55</v>
      </c>
      <c r="K36" s="83"/>
      <c r="L36" s="82" t="s">
        <v>11</v>
      </c>
      <c r="M36" s="83" t="s">
        <v>56</v>
      </c>
      <c r="N36" s="83"/>
      <c r="O36" s="82" t="s">
        <v>11</v>
      </c>
      <c r="P36" s="83" t="s">
        <v>57</v>
      </c>
      <c r="Q36" s="83"/>
      <c r="R36" s="82"/>
      <c r="S36" s="83"/>
      <c r="T36" s="83"/>
      <c r="U36" s="94"/>
      <c r="V36" s="94"/>
      <c r="W36" s="94"/>
      <c r="X36" s="95"/>
      <c r="Y36" s="68"/>
      <c r="Z36" s="68"/>
      <c r="AA36" s="68"/>
      <c r="AB36" s="69"/>
      <c r="AC36" s="80"/>
      <c r="AD36" s="68"/>
      <c r="AE36" s="68"/>
      <c r="AF36" s="69"/>
    </row>
    <row r="37" spans="1:33" ht="19.5" customHeight="1" x14ac:dyDescent="0.4">
      <c r="A37" s="96"/>
      <c r="B37" s="97"/>
      <c r="C37" s="98"/>
      <c r="D37" s="34"/>
      <c r="E37" s="41"/>
      <c r="F37" s="99"/>
      <c r="G37" s="100"/>
      <c r="H37" s="101" t="s">
        <v>58</v>
      </c>
      <c r="I37" s="102" t="s">
        <v>11</v>
      </c>
      <c r="J37" s="103" t="s">
        <v>25</v>
      </c>
      <c r="K37" s="103"/>
      <c r="L37" s="104" t="s">
        <v>11</v>
      </c>
      <c r="M37" s="103" t="s">
        <v>26</v>
      </c>
      <c r="N37" s="103"/>
      <c r="O37" s="103"/>
      <c r="P37" s="103"/>
      <c r="Q37" s="105"/>
      <c r="R37" s="105"/>
      <c r="S37" s="105"/>
      <c r="T37" s="105"/>
      <c r="U37" s="105"/>
      <c r="V37" s="105"/>
      <c r="W37" s="105"/>
      <c r="X37" s="106"/>
      <c r="Y37" s="107"/>
      <c r="Z37" s="107"/>
      <c r="AA37" s="107"/>
      <c r="AB37" s="108"/>
      <c r="AC37" s="109"/>
      <c r="AD37" s="107"/>
      <c r="AE37" s="107"/>
      <c r="AF37" s="108"/>
    </row>
    <row r="38" spans="1:33" ht="18.75" customHeight="1" x14ac:dyDescent="0.4">
      <c r="A38" s="122"/>
      <c r="B38" s="123"/>
      <c r="C38" s="124"/>
      <c r="D38" s="125"/>
      <c r="E38" s="25"/>
      <c r="F38" s="125"/>
      <c r="G38" s="126"/>
      <c r="H38" s="127" t="s">
        <v>70</v>
      </c>
      <c r="I38" s="128" t="s">
        <v>11</v>
      </c>
      <c r="J38" s="110" t="s">
        <v>25</v>
      </c>
      <c r="K38" s="110"/>
      <c r="L38" s="129"/>
      <c r="M38" s="130" t="s">
        <v>11</v>
      </c>
      <c r="N38" s="110" t="s">
        <v>71</v>
      </c>
      <c r="O38" s="110"/>
      <c r="P38" s="129"/>
      <c r="Q38" s="130" t="s">
        <v>11</v>
      </c>
      <c r="R38" s="131" t="s">
        <v>72</v>
      </c>
      <c r="S38" s="131"/>
      <c r="T38" s="131"/>
      <c r="U38" s="131"/>
      <c r="V38" s="131"/>
      <c r="W38" s="131"/>
      <c r="X38" s="132"/>
      <c r="Y38" s="133" t="s">
        <v>11</v>
      </c>
      <c r="Z38" s="23" t="s">
        <v>23</v>
      </c>
      <c r="AA38" s="23"/>
      <c r="AB38" s="60"/>
      <c r="AC38" s="133" t="s">
        <v>11</v>
      </c>
      <c r="AD38" s="23" t="s">
        <v>23</v>
      </c>
      <c r="AE38" s="23"/>
      <c r="AF38" s="60"/>
    </row>
    <row r="39" spans="1:33" ht="19.5" customHeight="1" x14ac:dyDescent="0.4">
      <c r="A39" s="45"/>
      <c r="B39" s="46"/>
      <c r="C39" s="47"/>
      <c r="D39" s="48"/>
      <c r="E39" s="49"/>
      <c r="F39" s="50"/>
      <c r="G39" s="51"/>
      <c r="H39" s="134" t="s">
        <v>20</v>
      </c>
      <c r="I39" s="135" t="s">
        <v>11</v>
      </c>
      <c r="J39" s="64" t="s">
        <v>21</v>
      </c>
      <c r="K39" s="65"/>
      <c r="L39" s="136"/>
      <c r="M39" s="137" t="s">
        <v>11</v>
      </c>
      <c r="N39" s="64" t="s">
        <v>22</v>
      </c>
      <c r="O39" s="137"/>
      <c r="P39" s="64"/>
      <c r="Q39" s="78"/>
      <c r="R39" s="78"/>
      <c r="S39" s="78"/>
      <c r="T39" s="78"/>
      <c r="U39" s="78"/>
      <c r="V39" s="78"/>
      <c r="W39" s="78"/>
      <c r="X39" s="79"/>
      <c r="Y39" s="22" t="s">
        <v>11</v>
      </c>
      <c r="Z39" s="67" t="s">
        <v>27</v>
      </c>
      <c r="AA39" s="68"/>
      <c r="AB39" s="69"/>
      <c r="AC39" s="22" t="s">
        <v>11</v>
      </c>
      <c r="AD39" s="67" t="s">
        <v>27</v>
      </c>
      <c r="AE39" s="68"/>
      <c r="AF39" s="69"/>
    </row>
    <row r="40" spans="1:33" ht="19.5" customHeight="1" x14ac:dyDescent="0.4">
      <c r="A40" s="45"/>
      <c r="B40" s="46"/>
      <c r="C40" s="47"/>
      <c r="D40" s="48"/>
      <c r="E40" s="49"/>
      <c r="F40" s="50"/>
      <c r="G40" s="51"/>
      <c r="H40" s="88" t="s">
        <v>73</v>
      </c>
      <c r="I40" s="53" t="s">
        <v>11</v>
      </c>
      <c r="J40" s="54" t="s">
        <v>21</v>
      </c>
      <c r="K40" s="55"/>
      <c r="L40" s="56"/>
      <c r="M40" s="57" t="s">
        <v>11</v>
      </c>
      <c r="N40" s="54" t="s">
        <v>22</v>
      </c>
      <c r="O40" s="57"/>
      <c r="P40" s="54"/>
      <c r="Q40" s="58"/>
      <c r="R40" s="58"/>
      <c r="S40" s="58"/>
      <c r="T40" s="58"/>
      <c r="U40" s="58"/>
      <c r="V40" s="58"/>
      <c r="W40" s="58"/>
      <c r="X40" s="59"/>
      <c r="Y40" s="22"/>
      <c r="Z40" s="67"/>
      <c r="AA40" s="68"/>
      <c r="AB40" s="69"/>
      <c r="AC40" s="22"/>
      <c r="AD40" s="67"/>
      <c r="AE40" s="68"/>
      <c r="AF40" s="69"/>
    </row>
    <row r="41" spans="1:33" ht="18.75" customHeight="1" x14ac:dyDescent="0.4">
      <c r="A41" s="45"/>
      <c r="B41" s="46"/>
      <c r="C41" s="61"/>
      <c r="D41" s="50"/>
      <c r="E41" s="49"/>
      <c r="F41" s="50"/>
      <c r="G41" s="62"/>
      <c r="H41" s="70" t="s">
        <v>74</v>
      </c>
      <c r="I41" s="138" t="s">
        <v>11</v>
      </c>
      <c r="J41" s="72" t="s">
        <v>25</v>
      </c>
      <c r="K41" s="72"/>
      <c r="L41" s="139" t="s">
        <v>11</v>
      </c>
      <c r="M41" s="72" t="s">
        <v>26</v>
      </c>
      <c r="N41" s="72"/>
      <c r="O41" s="115"/>
      <c r="P41" s="115"/>
      <c r="Q41" s="115"/>
      <c r="R41" s="115"/>
      <c r="S41" s="115"/>
      <c r="T41" s="115"/>
      <c r="U41" s="115"/>
      <c r="V41" s="115"/>
      <c r="W41" s="115"/>
      <c r="X41" s="116"/>
      <c r="Y41" s="80"/>
      <c r="Z41" s="68"/>
      <c r="AA41" s="68"/>
      <c r="AB41" s="69"/>
      <c r="AC41" s="80"/>
      <c r="AD41" s="68"/>
      <c r="AE41" s="68"/>
      <c r="AF41" s="69"/>
    </row>
    <row r="42" spans="1:33" ht="18.75" customHeight="1" x14ac:dyDescent="0.4">
      <c r="A42" s="45"/>
      <c r="B42" s="46"/>
      <c r="C42" s="61"/>
      <c r="D42" s="50"/>
      <c r="E42" s="49"/>
      <c r="F42" s="50"/>
      <c r="G42" s="62"/>
      <c r="H42" s="140"/>
      <c r="I42" s="141"/>
      <c r="J42" s="142"/>
      <c r="K42" s="142"/>
      <c r="L42" s="143"/>
      <c r="M42" s="142"/>
      <c r="N42" s="142"/>
      <c r="X42" s="144"/>
      <c r="Y42" s="80"/>
      <c r="Z42" s="68"/>
      <c r="AA42" s="68"/>
      <c r="AB42" s="69"/>
      <c r="AC42" s="80"/>
      <c r="AD42" s="68"/>
      <c r="AE42" s="68"/>
      <c r="AF42" s="69"/>
    </row>
    <row r="43" spans="1:33" ht="18.75" customHeight="1" x14ac:dyDescent="0.4">
      <c r="A43" s="45"/>
      <c r="B43" s="46"/>
      <c r="C43" s="61"/>
      <c r="D43" s="50"/>
      <c r="E43" s="49"/>
      <c r="F43" s="50"/>
      <c r="G43" s="62"/>
      <c r="H43" s="75"/>
      <c r="I43" s="145"/>
      <c r="J43" s="77"/>
      <c r="K43" s="77"/>
      <c r="L43" s="146"/>
      <c r="M43" s="77"/>
      <c r="N43" s="77"/>
      <c r="O43" s="147"/>
      <c r="P43" s="147"/>
      <c r="Q43" s="147"/>
      <c r="R43" s="147"/>
      <c r="S43" s="147"/>
      <c r="T43" s="147"/>
      <c r="U43" s="147"/>
      <c r="V43" s="147"/>
      <c r="W43" s="147"/>
      <c r="X43" s="148"/>
      <c r="Y43" s="80"/>
      <c r="Z43" s="68"/>
      <c r="AA43" s="68"/>
      <c r="AB43" s="69"/>
      <c r="AC43" s="80"/>
      <c r="AD43" s="68"/>
      <c r="AE43" s="68"/>
      <c r="AF43" s="69"/>
    </row>
    <row r="44" spans="1:33" ht="18.75" customHeight="1" x14ac:dyDescent="0.4">
      <c r="A44" s="45"/>
      <c r="B44" s="46"/>
      <c r="C44" s="61"/>
      <c r="D44" s="50"/>
      <c r="E44" s="49"/>
      <c r="F44" s="50"/>
      <c r="G44" s="62"/>
      <c r="H44" s="81" t="s">
        <v>75</v>
      </c>
      <c r="I44" s="22" t="s">
        <v>11</v>
      </c>
      <c r="J44" s="54" t="s">
        <v>38</v>
      </c>
      <c r="K44" s="55"/>
      <c r="L44" s="56"/>
      <c r="M44" s="22" t="s">
        <v>11</v>
      </c>
      <c r="N44" s="54" t="s">
        <v>39</v>
      </c>
      <c r="O44" s="58"/>
      <c r="P44" s="58"/>
      <c r="Q44" s="58"/>
      <c r="R44" s="58"/>
      <c r="S44" s="58"/>
      <c r="T44" s="58"/>
      <c r="U44" s="58"/>
      <c r="V44" s="58"/>
      <c r="W44" s="58"/>
      <c r="X44" s="59"/>
      <c r="Y44" s="80"/>
      <c r="Z44" s="68"/>
      <c r="AA44" s="68"/>
      <c r="AB44" s="69"/>
      <c r="AC44" s="80"/>
      <c r="AD44" s="68"/>
      <c r="AE44" s="68"/>
      <c r="AF44" s="69"/>
    </row>
    <row r="45" spans="1:33" ht="18.75" customHeight="1" x14ac:dyDescent="0.4">
      <c r="A45" s="45"/>
      <c r="B45" s="46"/>
      <c r="C45" s="61"/>
      <c r="D45" s="50"/>
      <c r="E45" s="49"/>
      <c r="F45" s="50"/>
      <c r="G45" s="62"/>
      <c r="H45" s="70" t="s">
        <v>76</v>
      </c>
      <c r="I45" s="71" t="s">
        <v>11</v>
      </c>
      <c r="J45" s="72" t="s">
        <v>25</v>
      </c>
      <c r="K45" s="72"/>
      <c r="L45" s="71" t="s">
        <v>11</v>
      </c>
      <c r="M45" s="72" t="s">
        <v>26</v>
      </c>
      <c r="N45" s="72"/>
      <c r="O45" s="83"/>
      <c r="P45" s="83"/>
      <c r="Q45" s="83"/>
      <c r="R45" s="83"/>
      <c r="S45" s="83"/>
      <c r="T45" s="83"/>
      <c r="U45" s="83"/>
      <c r="V45" s="83"/>
      <c r="W45" s="83"/>
      <c r="X45" s="149"/>
      <c r="Y45" s="80"/>
      <c r="Z45" s="68"/>
      <c r="AA45" s="68"/>
      <c r="AB45" s="69"/>
      <c r="AC45" s="80"/>
      <c r="AD45" s="68"/>
      <c r="AE45" s="68"/>
      <c r="AF45" s="69"/>
    </row>
    <row r="46" spans="1:33" ht="18.75" customHeight="1" x14ac:dyDescent="0.4">
      <c r="A46" s="45"/>
      <c r="B46" s="46"/>
      <c r="C46" s="61"/>
      <c r="D46" s="50"/>
      <c r="E46" s="49"/>
      <c r="F46" s="50"/>
      <c r="G46" s="62"/>
      <c r="H46" s="75"/>
      <c r="I46" s="76"/>
      <c r="J46" s="77"/>
      <c r="K46" s="77"/>
      <c r="L46" s="76"/>
      <c r="M46" s="77"/>
      <c r="N46" s="77"/>
      <c r="O46" s="64"/>
      <c r="P46" s="64"/>
      <c r="Q46" s="64"/>
      <c r="R46" s="64"/>
      <c r="S46" s="64"/>
      <c r="T46" s="64"/>
      <c r="U46" s="64"/>
      <c r="V46" s="64"/>
      <c r="W46" s="64"/>
      <c r="X46" s="66"/>
      <c r="Y46" s="80"/>
      <c r="Z46" s="68"/>
      <c r="AA46" s="68"/>
      <c r="AB46" s="69"/>
      <c r="AC46" s="80"/>
      <c r="AD46" s="68"/>
      <c r="AE46" s="68"/>
      <c r="AF46" s="69"/>
    </row>
    <row r="47" spans="1:33" ht="18.75" customHeight="1" x14ac:dyDescent="0.4">
      <c r="A47" s="45"/>
      <c r="B47" s="46"/>
      <c r="C47" s="61"/>
      <c r="D47" s="50"/>
      <c r="E47" s="49"/>
      <c r="F47" s="50"/>
      <c r="G47" s="62"/>
      <c r="H47" s="70" t="s">
        <v>77</v>
      </c>
      <c r="I47" s="71" t="s">
        <v>11</v>
      </c>
      <c r="J47" s="72" t="s">
        <v>25</v>
      </c>
      <c r="K47" s="72"/>
      <c r="L47" s="71" t="s">
        <v>11</v>
      </c>
      <c r="M47" s="72" t="s">
        <v>26</v>
      </c>
      <c r="N47" s="72"/>
      <c r="O47" s="83"/>
      <c r="P47" s="83"/>
      <c r="Q47" s="83"/>
      <c r="R47" s="83"/>
      <c r="S47" s="83"/>
      <c r="T47" s="83"/>
      <c r="U47" s="83"/>
      <c r="V47" s="83"/>
      <c r="W47" s="83"/>
      <c r="X47" s="149"/>
      <c r="Y47" s="80"/>
      <c r="Z47" s="68"/>
      <c r="AA47" s="68"/>
      <c r="AB47" s="69"/>
      <c r="AC47" s="80"/>
      <c r="AD47" s="68"/>
      <c r="AE47" s="68"/>
      <c r="AF47" s="69"/>
    </row>
    <row r="48" spans="1:33" ht="18.75" customHeight="1" x14ac:dyDescent="0.4">
      <c r="A48" s="45"/>
      <c r="B48" s="46"/>
      <c r="C48" s="61"/>
      <c r="D48" s="50"/>
      <c r="E48" s="49"/>
      <c r="F48" s="50"/>
      <c r="G48" s="62"/>
      <c r="H48" s="75"/>
      <c r="I48" s="76"/>
      <c r="J48" s="77"/>
      <c r="K48" s="77"/>
      <c r="L48" s="76"/>
      <c r="M48" s="77"/>
      <c r="N48" s="77"/>
      <c r="O48" s="64"/>
      <c r="P48" s="64"/>
      <c r="Q48" s="64"/>
      <c r="R48" s="64"/>
      <c r="S48" s="64"/>
      <c r="T48" s="64"/>
      <c r="U48" s="64"/>
      <c r="V48" s="64"/>
      <c r="W48" s="64"/>
      <c r="X48" s="66"/>
      <c r="Y48" s="80"/>
      <c r="Z48" s="68"/>
      <c r="AA48" s="68"/>
      <c r="AB48" s="69"/>
      <c r="AC48" s="80"/>
      <c r="AD48" s="68"/>
      <c r="AE48" s="68"/>
      <c r="AF48" s="69"/>
    </row>
    <row r="49" spans="1:32" ht="37.5" customHeight="1" x14ac:dyDescent="0.4">
      <c r="A49" s="45"/>
      <c r="B49" s="46"/>
      <c r="C49" s="61"/>
      <c r="D49" s="50"/>
      <c r="E49" s="49"/>
      <c r="F49" s="50"/>
      <c r="G49" s="62"/>
      <c r="H49" s="92" t="s">
        <v>78</v>
      </c>
      <c r="I49" s="150" t="s">
        <v>11</v>
      </c>
      <c r="J49" s="72" t="s">
        <v>25</v>
      </c>
      <c r="K49" s="72"/>
      <c r="L49" s="150" t="s">
        <v>11</v>
      </c>
      <c r="M49" s="72" t="s">
        <v>26</v>
      </c>
      <c r="N49" s="72"/>
      <c r="O49" s="83"/>
      <c r="P49" s="83"/>
      <c r="Q49" s="83"/>
      <c r="R49" s="83"/>
      <c r="S49" s="83"/>
      <c r="T49" s="83"/>
      <c r="U49" s="83"/>
      <c r="V49" s="83"/>
      <c r="W49" s="83"/>
      <c r="X49" s="149"/>
      <c r="Y49" s="80"/>
      <c r="Z49" s="68"/>
      <c r="AA49" s="68"/>
      <c r="AB49" s="69"/>
      <c r="AC49" s="80"/>
      <c r="AD49" s="68"/>
      <c r="AE49" s="68"/>
      <c r="AF49" s="69"/>
    </row>
    <row r="50" spans="1:32" ht="18.75" customHeight="1" x14ac:dyDescent="0.4">
      <c r="A50" s="45"/>
      <c r="B50" s="46"/>
      <c r="C50" s="61"/>
      <c r="D50" s="50"/>
      <c r="E50" s="49"/>
      <c r="F50" s="50"/>
      <c r="G50" s="62"/>
      <c r="H50" s="70" t="s">
        <v>79</v>
      </c>
      <c r="I50" s="71" t="s">
        <v>11</v>
      </c>
      <c r="J50" s="72" t="s">
        <v>25</v>
      </c>
      <c r="K50" s="72"/>
      <c r="L50" s="71" t="s">
        <v>11</v>
      </c>
      <c r="M50" s="72" t="s">
        <v>26</v>
      </c>
      <c r="N50" s="72"/>
      <c r="O50" s="83"/>
      <c r="P50" s="83"/>
      <c r="Q50" s="83"/>
      <c r="R50" s="83"/>
      <c r="S50" s="83"/>
      <c r="T50" s="83"/>
      <c r="U50" s="83"/>
      <c r="V50" s="83"/>
      <c r="W50" s="83"/>
      <c r="X50" s="149"/>
      <c r="Y50" s="80"/>
      <c r="Z50" s="68"/>
      <c r="AA50" s="68"/>
      <c r="AB50" s="69"/>
      <c r="AC50" s="80"/>
      <c r="AD50" s="68"/>
      <c r="AE50" s="68"/>
      <c r="AF50" s="69"/>
    </row>
    <row r="51" spans="1:32" ht="18.75" customHeight="1" x14ac:dyDescent="0.4">
      <c r="A51" s="45"/>
      <c r="B51" s="46"/>
      <c r="C51" s="61"/>
      <c r="D51" s="50"/>
      <c r="E51" s="49"/>
      <c r="F51" s="50"/>
      <c r="G51" s="62"/>
      <c r="H51" s="75"/>
      <c r="I51" s="76"/>
      <c r="J51" s="77"/>
      <c r="K51" s="77"/>
      <c r="L51" s="76"/>
      <c r="M51" s="77"/>
      <c r="N51" s="77"/>
      <c r="O51" s="64"/>
      <c r="P51" s="64"/>
      <c r="Q51" s="64"/>
      <c r="R51" s="64"/>
      <c r="S51" s="64"/>
      <c r="T51" s="64"/>
      <c r="U51" s="64"/>
      <c r="V51" s="64"/>
      <c r="W51" s="64"/>
      <c r="X51" s="66"/>
      <c r="Y51" s="80"/>
      <c r="Z51" s="68"/>
      <c r="AA51" s="68"/>
      <c r="AB51" s="69"/>
      <c r="AC51" s="80"/>
      <c r="AD51" s="68"/>
      <c r="AE51" s="68"/>
      <c r="AF51" s="69"/>
    </row>
    <row r="52" spans="1:32" ht="18.75" customHeight="1" x14ac:dyDescent="0.4">
      <c r="A52" s="45"/>
      <c r="B52" s="46"/>
      <c r="C52" s="61"/>
      <c r="D52" s="50"/>
      <c r="E52" s="49"/>
      <c r="F52" s="50"/>
      <c r="G52" s="62"/>
      <c r="H52" s="151" t="s">
        <v>80</v>
      </c>
      <c r="I52" s="53" t="s">
        <v>11</v>
      </c>
      <c r="J52" s="54" t="s">
        <v>25</v>
      </c>
      <c r="K52" s="55"/>
      <c r="L52" s="57" t="s">
        <v>11</v>
      </c>
      <c r="M52" s="54" t="s">
        <v>26</v>
      </c>
      <c r="N52" s="89"/>
      <c r="O52" s="89"/>
      <c r="P52" s="89"/>
      <c r="Q52" s="89"/>
      <c r="R52" s="89"/>
      <c r="S52" s="89"/>
      <c r="T52" s="89"/>
      <c r="U52" s="89"/>
      <c r="V52" s="89"/>
      <c r="W52" s="89"/>
      <c r="X52" s="113"/>
      <c r="Y52" s="80"/>
      <c r="Z52" s="68"/>
      <c r="AA52" s="68"/>
      <c r="AB52" s="69"/>
      <c r="AC52" s="80"/>
      <c r="AD52" s="68"/>
      <c r="AE52" s="68"/>
      <c r="AF52" s="69"/>
    </row>
    <row r="53" spans="1:32" ht="18.75" customHeight="1" x14ac:dyDescent="0.4">
      <c r="A53" s="45"/>
      <c r="B53" s="46"/>
      <c r="C53" s="61"/>
      <c r="D53" s="50"/>
      <c r="E53" s="49"/>
      <c r="F53" s="50"/>
      <c r="G53" s="62"/>
      <c r="H53" s="91" t="s">
        <v>81</v>
      </c>
      <c r="I53" s="22" t="s">
        <v>11</v>
      </c>
      <c r="J53" s="64" t="s">
        <v>25</v>
      </c>
      <c r="K53" s="64"/>
      <c r="L53" s="57" t="s">
        <v>11</v>
      </c>
      <c r="M53" s="64" t="s">
        <v>45</v>
      </c>
      <c r="N53" s="54"/>
      <c r="O53" s="22" t="s">
        <v>11</v>
      </c>
      <c r="P53" s="54" t="s">
        <v>46</v>
      </c>
      <c r="Q53" s="89"/>
      <c r="R53" s="89"/>
      <c r="S53" s="89"/>
      <c r="T53" s="89"/>
      <c r="U53" s="89"/>
      <c r="V53" s="89"/>
      <c r="W53" s="89"/>
      <c r="X53" s="113"/>
      <c r="Y53" s="80"/>
      <c r="Z53" s="68"/>
      <c r="AA53" s="68"/>
      <c r="AB53" s="69"/>
      <c r="AC53" s="80"/>
      <c r="AD53" s="68"/>
      <c r="AE53" s="68"/>
      <c r="AF53" s="69"/>
    </row>
    <row r="54" spans="1:32" ht="18.75" customHeight="1" x14ac:dyDescent="0.4">
      <c r="A54" s="45"/>
      <c r="B54" s="46"/>
      <c r="C54" s="61"/>
      <c r="D54" s="50"/>
      <c r="E54" s="49"/>
      <c r="F54" s="50"/>
      <c r="G54" s="62"/>
      <c r="H54" s="91" t="s">
        <v>82</v>
      </c>
      <c r="I54" s="93" t="s">
        <v>11</v>
      </c>
      <c r="J54" s="54" t="s">
        <v>25</v>
      </c>
      <c r="K54" s="55"/>
      <c r="L54" s="22" t="s">
        <v>11</v>
      </c>
      <c r="M54" s="54" t="s">
        <v>26</v>
      </c>
      <c r="N54" s="89"/>
      <c r="O54" s="89"/>
      <c r="P54" s="89"/>
      <c r="Q54" s="89"/>
      <c r="R54" s="89"/>
      <c r="S54" s="89"/>
      <c r="T54" s="89"/>
      <c r="U54" s="89"/>
      <c r="V54" s="89"/>
      <c r="W54" s="89"/>
      <c r="X54" s="113"/>
      <c r="Y54" s="80"/>
      <c r="Z54" s="68"/>
      <c r="AA54" s="68"/>
      <c r="AB54" s="69"/>
      <c r="AC54" s="80"/>
      <c r="AD54" s="68"/>
      <c r="AE54" s="68"/>
      <c r="AF54" s="69"/>
    </row>
    <row r="55" spans="1:32" ht="18.75" customHeight="1" x14ac:dyDescent="0.4">
      <c r="A55" s="45"/>
      <c r="B55" s="46"/>
      <c r="C55" s="61"/>
      <c r="D55" s="50"/>
      <c r="E55" s="49"/>
      <c r="F55" s="50"/>
      <c r="G55" s="62"/>
      <c r="H55" s="151" t="s">
        <v>83</v>
      </c>
      <c r="I55" s="93" t="s">
        <v>11</v>
      </c>
      <c r="J55" s="54" t="s">
        <v>25</v>
      </c>
      <c r="K55" s="55"/>
      <c r="L55" s="57" t="s">
        <v>11</v>
      </c>
      <c r="M55" s="54" t="s">
        <v>26</v>
      </c>
      <c r="N55" s="89"/>
      <c r="O55" s="89"/>
      <c r="P55" s="89"/>
      <c r="Q55" s="89"/>
      <c r="R55" s="89"/>
      <c r="S55" s="89"/>
      <c r="T55" s="89"/>
      <c r="U55" s="89"/>
      <c r="V55" s="89"/>
      <c r="W55" s="89"/>
      <c r="X55" s="113"/>
      <c r="Y55" s="22"/>
      <c r="Z55" s="67"/>
      <c r="AA55" s="68"/>
      <c r="AB55" s="69"/>
      <c r="AC55" s="22"/>
      <c r="AD55" s="67"/>
      <c r="AE55" s="68"/>
      <c r="AF55" s="69"/>
    </row>
    <row r="56" spans="1:32" ht="18.75" customHeight="1" x14ac:dyDescent="0.4">
      <c r="A56" s="85" t="s">
        <v>11</v>
      </c>
      <c r="B56" s="46">
        <v>78</v>
      </c>
      <c r="C56" s="61" t="s">
        <v>84</v>
      </c>
      <c r="D56" s="85" t="s">
        <v>11</v>
      </c>
      <c r="E56" s="49" t="s">
        <v>85</v>
      </c>
      <c r="F56" s="50"/>
      <c r="G56" s="62"/>
      <c r="H56" s="91" t="s">
        <v>86</v>
      </c>
      <c r="I56" s="93" t="s">
        <v>11</v>
      </c>
      <c r="J56" s="54" t="s">
        <v>25</v>
      </c>
      <c r="K56" s="54"/>
      <c r="L56" s="82" t="s">
        <v>11</v>
      </c>
      <c r="M56" s="54" t="s">
        <v>33</v>
      </c>
      <c r="N56" s="54"/>
      <c r="O56" s="22" t="s">
        <v>11</v>
      </c>
      <c r="P56" s="54" t="s">
        <v>34</v>
      </c>
      <c r="Q56" s="89"/>
      <c r="R56" s="89"/>
      <c r="S56" s="89"/>
      <c r="T56" s="89"/>
      <c r="U56" s="89"/>
      <c r="V56" s="89"/>
      <c r="W56" s="89"/>
      <c r="X56" s="113"/>
      <c r="Y56" s="80"/>
      <c r="Z56" s="68"/>
      <c r="AA56" s="68"/>
      <c r="AB56" s="69"/>
      <c r="AC56" s="80"/>
      <c r="AD56" s="68"/>
      <c r="AE56" s="68"/>
      <c r="AF56" s="69"/>
    </row>
    <row r="57" spans="1:32" ht="18.75" customHeight="1" x14ac:dyDescent="0.4">
      <c r="A57" s="45"/>
      <c r="B57" s="46"/>
      <c r="C57" s="61"/>
      <c r="D57" s="85" t="s">
        <v>11</v>
      </c>
      <c r="E57" s="49" t="s">
        <v>87</v>
      </c>
      <c r="F57" s="50"/>
      <c r="G57" s="62"/>
      <c r="H57" s="91" t="s">
        <v>88</v>
      </c>
      <c r="I57" s="93" t="s">
        <v>11</v>
      </c>
      <c r="J57" s="54" t="s">
        <v>25</v>
      </c>
      <c r="K57" s="54"/>
      <c r="L57" s="82" t="s">
        <v>11</v>
      </c>
      <c r="M57" s="54" t="s">
        <v>89</v>
      </c>
      <c r="N57" s="152"/>
      <c r="O57" s="152"/>
      <c r="P57" s="22" t="s">
        <v>11</v>
      </c>
      <c r="Q57" s="54" t="s">
        <v>90</v>
      </c>
      <c r="R57" s="152"/>
      <c r="S57" s="152"/>
      <c r="T57" s="152"/>
      <c r="U57" s="152"/>
      <c r="V57" s="152"/>
      <c r="W57" s="152"/>
      <c r="X57" s="153"/>
      <c r="Y57" s="80"/>
      <c r="Z57" s="68"/>
      <c r="AA57" s="68"/>
      <c r="AB57" s="69"/>
      <c r="AC57" s="80"/>
      <c r="AD57" s="68"/>
      <c r="AE57" s="68"/>
      <c r="AF57" s="69"/>
    </row>
    <row r="58" spans="1:32" ht="18.75" customHeight="1" x14ac:dyDescent="0.4">
      <c r="A58" s="45"/>
      <c r="B58" s="46"/>
      <c r="C58" s="61"/>
      <c r="D58" s="85" t="s">
        <v>11</v>
      </c>
      <c r="E58" s="49" t="s">
        <v>91</v>
      </c>
      <c r="F58" s="50"/>
      <c r="G58" s="62"/>
      <c r="H58" s="81" t="s">
        <v>92</v>
      </c>
      <c r="I58" s="93" t="s">
        <v>11</v>
      </c>
      <c r="J58" s="54" t="s">
        <v>25</v>
      </c>
      <c r="K58" s="55"/>
      <c r="L58" s="57" t="s">
        <v>11</v>
      </c>
      <c r="M58" s="54" t="s">
        <v>26</v>
      </c>
      <c r="N58" s="89"/>
      <c r="O58" s="89"/>
      <c r="P58" s="89"/>
      <c r="Q58" s="89"/>
      <c r="R58" s="89"/>
      <c r="S58" s="89"/>
      <c r="T58" s="89"/>
      <c r="U58" s="89"/>
      <c r="V58" s="89"/>
      <c r="W58" s="89"/>
      <c r="X58" s="113"/>
      <c r="Y58" s="80"/>
      <c r="Z58" s="68"/>
      <c r="AA58" s="68"/>
      <c r="AB58" s="69"/>
      <c r="AC58" s="80"/>
      <c r="AD58" s="68"/>
      <c r="AE58" s="68"/>
      <c r="AF58" s="69"/>
    </row>
    <row r="59" spans="1:32" ht="18.75" customHeight="1" x14ac:dyDescent="0.4">
      <c r="A59" s="45"/>
      <c r="B59" s="46"/>
      <c r="C59" s="61"/>
      <c r="D59" s="50"/>
      <c r="E59" s="49"/>
      <c r="F59" s="50"/>
      <c r="G59" s="62"/>
      <c r="H59" s="151" t="s">
        <v>93</v>
      </c>
      <c r="I59" s="93" t="s">
        <v>11</v>
      </c>
      <c r="J59" s="54" t="s">
        <v>25</v>
      </c>
      <c r="K59" s="55"/>
      <c r="L59" s="22" t="s">
        <v>11</v>
      </c>
      <c r="M59" s="54" t="s">
        <v>26</v>
      </c>
      <c r="N59" s="89"/>
      <c r="O59" s="89"/>
      <c r="P59" s="89"/>
      <c r="Q59" s="89"/>
      <c r="R59" s="89"/>
      <c r="S59" s="89"/>
      <c r="T59" s="89"/>
      <c r="U59" s="89"/>
      <c r="V59" s="89"/>
      <c r="W59" s="89"/>
      <c r="X59" s="113"/>
      <c r="Y59" s="80"/>
      <c r="Z59" s="68"/>
      <c r="AA59" s="68"/>
      <c r="AB59" s="69"/>
      <c r="AC59" s="80"/>
      <c r="AD59" s="68"/>
      <c r="AE59" s="68"/>
      <c r="AF59" s="69"/>
    </row>
    <row r="60" spans="1:32" ht="18.75" customHeight="1" x14ac:dyDescent="0.4">
      <c r="A60" s="45"/>
      <c r="B60" s="46"/>
      <c r="C60" s="61"/>
      <c r="D60" s="50"/>
      <c r="E60" s="49"/>
      <c r="F60" s="50"/>
      <c r="G60" s="62"/>
      <c r="H60" s="81" t="s">
        <v>94</v>
      </c>
      <c r="I60" s="53" t="s">
        <v>11</v>
      </c>
      <c r="J60" s="54" t="s">
        <v>25</v>
      </c>
      <c r="K60" s="55"/>
      <c r="L60" s="57" t="s">
        <v>11</v>
      </c>
      <c r="M60" s="54" t="s">
        <v>26</v>
      </c>
      <c r="N60" s="89"/>
      <c r="O60" s="89"/>
      <c r="P60" s="89"/>
      <c r="Q60" s="89"/>
      <c r="R60" s="89"/>
      <c r="S60" s="89"/>
      <c r="T60" s="89"/>
      <c r="U60" s="89"/>
      <c r="V60" s="89"/>
      <c r="W60" s="89"/>
      <c r="X60" s="113"/>
      <c r="Y60" s="80"/>
      <c r="Z60" s="68"/>
      <c r="AA60" s="68"/>
      <c r="AB60" s="69"/>
      <c r="AC60" s="80"/>
      <c r="AD60" s="68"/>
      <c r="AE60" s="68"/>
      <c r="AF60" s="69"/>
    </row>
    <row r="61" spans="1:32" ht="18.75" customHeight="1" x14ac:dyDescent="0.4">
      <c r="A61" s="45"/>
      <c r="B61" s="46"/>
      <c r="C61" s="61"/>
      <c r="D61" s="50"/>
      <c r="E61" s="49"/>
      <c r="F61" s="50"/>
      <c r="G61" s="62"/>
      <c r="H61" s="86" t="s">
        <v>95</v>
      </c>
      <c r="I61" s="57" t="s">
        <v>11</v>
      </c>
      <c r="J61" s="54" t="s">
        <v>25</v>
      </c>
      <c r="K61" s="55"/>
      <c r="L61" s="137" t="s">
        <v>11</v>
      </c>
      <c r="M61" s="54" t="s">
        <v>26</v>
      </c>
      <c r="N61" s="89"/>
      <c r="O61" s="89"/>
      <c r="P61" s="89"/>
      <c r="Q61" s="89"/>
      <c r="R61" s="89"/>
      <c r="S61" s="89"/>
      <c r="T61" s="89"/>
      <c r="U61" s="89"/>
      <c r="V61" s="89"/>
      <c r="W61" s="89"/>
      <c r="X61" s="113"/>
      <c r="Y61" s="80"/>
      <c r="Z61" s="68"/>
      <c r="AA61" s="68"/>
      <c r="AB61" s="69"/>
      <c r="AC61" s="80"/>
      <c r="AD61" s="68"/>
      <c r="AE61" s="68"/>
      <c r="AF61" s="69"/>
    </row>
    <row r="62" spans="1:32" ht="18.75" customHeight="1" x14ac:dyDescent="0.4">
      <c r="A62" s="45"/>
      <c r="B62" s="46"/>
      <c r="C62" s="61"/>
      <c r="D62" s="50"/>
      <c r="E62" s="49"/>
      <c r="F62" s="50"/>
      <c r="G62" s="62"/>
      <c r="H62" s="91" t="s">
        <v>96</v>
      </c>
      <c r="I62" s="53" t="s">
        <v>11</v>
      </c>
      <c r="J62" s="54" t="s">
        <v>25</v>
      </c>
      <c r="K62" s="55"/>
      <c r="L62" s="137" t="s">
        <v>11</v>
      </c>
      <c r="M62" s="54" t="s">
        <v>26</v>
      </c>
      <c r="N62" s="89"/>
      <c r="O62" s="89"/>
      <c r="P62" s="89"/>
      <c r="Q62" s="89"/>
      <c r="R62" s="89"/>
      <c r="S62" s="89"/>
      <c r="T62" s="89"/>
      <c r="U62" s="89"/>
      <c r="V62" s="89"/>
      <c r="W62" s="89"/>
      <c r="X62" s="113"/>
      <c r="Y62" s="80"/>
      <c r="Z62" s="68"/>
      <c r="AA62" s="68"/>
      <c r="AB62" s="69"/>
      <c r="AC62" s="80"/>
      <c r="AD62" s="68"/>
      <c r="AE62" s="68"/>
      <c r="AF62" s="69"/>
    </row>
    <row r="63" spans="1:32" ht="18.75" customHeight="1" x14ac:dyDescent="0.4">
      <c r="A63" s="45"/>
      <c r="B63" s="46"/>
      <c r="C63" s="61"/>
      <c r="D63" s="50"/>
      <c r="E63" s="49"/>
      <c r="F63" s="50"/>
      <c r="G63" s="62"/>
      <c r="H63" s="91" t="s">
        <v>97</v>
      </c>
      <c r="I63" s="22" t="s">
        <v>11</v>
      </c>
      <c r="J63" s="54" t="s">
        <v>25</v>
      </c>
      <c r="K63" s="55"/>
      <c r="L63" s="137" t="s">
        <v>11</v>
      </c>
      <c r="M63" s="54" t="s">
        <v>26</v>
      </c>
      <c r="N63" s="89"/>
      <c r="O63" s="89"/>
      <c r="P63" s="89"/>
      <c r="Q63" s="89"/>
      <c r="R63" s="89"/>
      <c r="S63" s="89"/>
      <c r="T63" s="89"/>
      <c r="U63" s="89"/>
      <c r="V63" s="89"/>
      <c r="W63" s="89"/>
      <c r="X63" s="113"/>
      <c r="Y63" s="80"/>
      <c r="Z63" s="68"/>
      <c r="AA63" s="68"/>
      <c r="AB63" s="69"/>
      <c r="AC63" s="80"/>
      <c r="AD63" s="68"/>
      <c r="AE63" s="68"/>
      <c r="AF63" s="69"/>
    </row>
    <row r="64" spans="1:32" ht="18.75" customHeight="1" x14ac:dyDescent="0.4">
      <c r="A64" s="45"/>
      <c r="B64" s="46"/>
      <c r="C64" s="61"/>
      <c r="D64" s="50"/>
      <c r="E64" s="49"/>
      <c r="F64" s="50"/>
      <c r="G64" s="62"/>
      <c r="H64" s="114" t="s">
        <v>48</v>
      </c>
      <c r="I64" s="93" t="s">
        <v>11</v>
      </c>
      <c r="J64" s="83" t="s">
        <v>25</v>
      </c>
      <c r="K64" s="115"/>
      <c r="L64" s="82" t="s">
        <v>11</v>
      </c>
      <c r="M64" s="83" t="s">
        <v>64</v>
      </c>
      <c r="N64" s="115"/>
      <c r="O64" s="115"/>
      <c r="P64" s="115"/>
      <c r="Q64" s="115"/>
      <c r="R64" s="82" t="s">
        <v>11</v>
      </c>
      <c r="S64" s="83" t="s">
        <v>98</v>
      </c>
      <c r="T64" s="83"/>
      <c r="U64" s="115"/>
      <c r="V64" s="115"/>
      <c r="W64" s="115"/>
      <c r="X64" s="116"/>
      <c r="Y64" s="80"/>
      <c r="Z64" s="68"/>
      <c r="AA64" s="68"/>
      <c r="AB64" s="69"/>
      <c r="AC64" s="80"/>
      <c r="AD64" s="68"/>
      <c r="AE64" s="68"/>
      <c r="AF64" s="69"/>
    </row>
    <row r="65" spans="1:32" ht="18.75" customHeight="1" x14ac:dyDescent="0.4">
      <c r="A65" s="45"/>
      <c r="B65" s="46"/>
      <c r="C65" s="61"/>
      <c r="D65" s="50"/>
      <c r="E65" s="49"/>
      <c r="F65" s="50"/>
      <c r="G65" s="62"/>
      <c r="H65" s="117"/>
      <c r="I65" s="85" t="s">
        <v>11</v>
      </c>
      <c r="J65" s="2" t="s">
        <v>66</v>
      </c>
      <c r="K65" s="3"/>
      <c r="L65" s="3"/>
      <c r="M65" s="3"/>
      <c r="N65" s="22" t="s">
        <v>11</v>
      </c>
      <c r="O65" s="118" t="s">
        <v>99</v>
      </c>
      <c r="P65" s="3"/>
      <c r="Q65" s="3"/>
      <c r="R65" s="3"/>
      <c r="S65" s="3"/>
      <c r="T65" s="22" t="s">
        <v>11</v>
      </c>
      <c r="U65" s="118" t="s">
        <v>100</v>
      </c>
      <c r="V65" s="3"/>
      <c r="W65" s="3"/>
      <c r="X65" s="119"/>
      <c r="Y65" s="80"/>
      <c r="Z65" s="68"/>
      <c r="AA65" s="68"/>
      <c r="AB65" s="69"/>
      <c r="AC65" s="80"/>
      <c r="AD65" s="68"/>
      <c r="AE65" s="68"/>
      <c r="AF65" s="69"/>
    </row>
    <row r="66" spans="1:32" ht="18.75" customHeight="1" x14ac:dyDescent="0.4">
      <c r="A66" s="45"/>
      <c r="B66" s="46"/>
      <c r="C66" s="61"/>
      <c r="D66" s="50"/>
      <c r="E66" s="49"/>
      <c r="F66" s="50"/>
      <c r="G66" s="62"/>
      <c r="H66" s="120"/>
      <c r="I66" s="85" t="s">
        <v>11</v>
      </c>
      <c r="J66" s="2" t="s">
        <v>101</v>
      </c>
      <c r="K66" s="78"/>
      <c r="L66" s="78"/>
      <c r="M66" s="78"/>
      <c r="N66" s="78"/>
      <c r="O66" s="22" t="s">
        <v>11</v>
      </c>
      <c r="P66" s="2" t="s">
        <v>102</v>
      </c>
      <c r="Q66" s="78"/>
      <c r="R66" s="78"/>
      <c r="S66" s="78"/>
      <c r="T66" s="78"/>
      <c r="U66" s="78"/>
      <c r="V66" s="78"/>
      <c r="W66" s="78"/>
      <c r="X66" s="79"/>
      <c r="Y66" s="80"/>
      <c r="Z66" s="68"/>
      <c r="AA66" s="68"/>
      <c r="AB66" s="69"/>
      <c r="AC66" s="80"/>
      <c r="AD66" s="68"/>
      <c r="AE66" s="68"/>
      <c r="AF66" s="69"/>
    </row>
    <row r="67" spans="1:32" ht="18.75" customHeight="1" x14ac:dyDescent="0.4">
      <c r="A67" s="45"/>
      <c r="B67" s="46"/>
      <c r="C67" s="47"/>
      <c r="D67" s="48"/>
      <c r="E67" s="49"/>
      <c r="F67" s="50"/>
      <c r="G67" s="51"/>
      <c r="H67" s="91" t="s">
        <v>52</v>
      </c>
      <c r="I67" s="53" t="s">
        <v>11</v>
      </c>
      <c r="J67" s="54" t="s">
        <v>25</v>
      </c>
      <c r="K67" s="54"/>
      <c r="L67" s="57" t="s">
        <v>11</v>
      </c>
      <c r="M67" s="54" t="s">
        <v>49</v>
      </c>
      <c r="N67" s="54"/>
      <c r="O67" s="57" t="s">
        <v>11</v>
      </c>
      <c r="P67" s="54" t="s">
        <v>50</v>
      </c>
      <c r="Q67" s="54"/>
      <c r="R67" s="57" t="s">
        <v>11</v>
      </c>
      <c r="S67" s="54" t="s">
        <v>53</v>
      </c>
      <c r="T67" s="54"/>
      <c r="U67" s="58"/>
      <c r="V67" s="58"/>
      <c r="W67" s="58"/>
      <c r="X67" s="59"/>
      <c r="Y67" s="68"/>
      <c r="Z67" s="68"/>
      <c r="AA67" s="68"/>
      <c r="AB67" s="69"/>
      <c r="AC67" s="80"/>
      <c r="AD67" s="68"/>
      <c r="AE67" s="68"/>
      <c r="AF67" s="69"/>
    </row>
    <row r="68" spans="1:32" ht="18.75" customHeight="1" x14ac:dyDescent="0.4">
      <c r="A68" s="45"/>
      <c r="B68" s="46"/>
      <c r="C68" s="47"/>
      <c r="D68" s="48"/>
      <c r="E68" s="49"/>
      <c r="F68" s="50"/>
      <c r="G68" s="51"/>
      <c r="H68" s="92" t="s">
        <v>54</v>
      </c>
      <c r="I68" s="93" t="s">
        <v>11</v>
      </c>
      <c r="J68" s="83" t="s">
        <v>55</v>
      </c>
      <c r="K68" s="83"/>
      <c r="L68" s="82" t="s">
        <v>11</v>
      </c>
      <c r="M68" s="83" t="s">
        <v>56</v>
      </c>
      <c r="N68" s="83"/>
      <c r="O68" s="82" t="s">
        <v>11</v>
      </c>
      <c r="P68" s="83" t="s">
        <v>57</v>
      </c>
      <c r="Q68" s="83"/>
      <c r="R68" s="82"/>
      <c r="S68" s="83"/>
      <c r="T68" s="83"/>
      <c r="U68" s="94"/>
      <c r="V68" s="94"/>
      <c r="W68" s="94"/>
      <c r="X68" s="95"/>
      <c r="Y68" s="68"/>
      <c r="Z68" s="68"/>
      <c r="AA68" s="68"/>
      <c r="AB68" s="69"/>
      <c r="AC68" s="80"/>
      <c r="AD68" s="68"/>
      <c r="AE68" s="68"/>
      <c r="AF68" s="69"/>
    </row>
    <row r="69" spans="1:32" ht="19.5" customHeight="1" x14ac:dyDescent="0.4">
      <c r="A69" s="96"/>
      <c r="B69" s="97"/>
      <c r="C69" s="98"/>
      <c r="D69" s="34"/>
      <c r="E69" s="41"/>
      <c r="F69" s="99"/>
      <c r="G69" s="100"/>
      <c r="H69" s="101" t="s">
        <v>58</v>
      </c>
      <c r="I69" s="102" t="s">
        <v>11</v>
      </c>
      <c r="J69" s="103" t="s">
        <v>25</v>
      </c>
      <c r="K69" s="103"/>
      <c r="L69" s="104" t="s">
        <v>11</v>
      </c>
      <c r="M69" s="103" t="s">
        <v>26</v>
      </c>
      <c r="N69" s="103"/>
      <c r="O69" s="103"/>
      <c r="P69" s="103"/>
      <c r="Q69" s="105"/>
      <c r="R69" s="105"/>
      <c r="S69" s="105"/>
      <c r="T69" s="105"/>
      <c r="U69" s="105"/>
      <c r="V69" s="105"/>
      <c r="W69" s="105"/>
      <c r="X69" s="106"/>
      <c r="Y69" s="107"/>
      <c r="Z69" s="107"/>
      <c r="AA69" s="107"/>
      <c r="AB69" s="108"/>
      <c r="AC69" s="109"/>
      <c r="AD69" s="107"/>
      <c r="AE69" s="107"/>
      <c r="AF69" s="108"/>
    </row>
    <row r="70" spans="1:32" ht="18.75" customHeight="1" x14ac:dyDescent="0.4">
      <c r="A70" s="45"/>
      <c r="B70" s="46"/>
      <c r="C70" s="61"/>
      <c r="D70" s="50"/>
      <c r="E70" s="49"/>
      <c r="F70" s="50"/>
      <c r="G70" s="62"/>
      <c r="H70" s="63" t="s">
        <v>70</v>
      </c>
      <c r="I70" s="135" t="s">
        <v>11</v>
      </c>
      <c r="J70" s="64" t="s">
        <v>25</v>
      </c>
      <c r="K70" s="64"/>
      <c r="L70" s="136"/>
      <c r="M70" s="137" t="s">
        <v>11</v>
      </c>
      <c r="N70" s="64" t="s">
        <v>71</v>
      </c>
      <c r="O70" s="64"/>
      <c r="P70" s="136"/>
      <c r="Q70" s="137" t="s">
        <v>11</v>
      </c>
      <c r="R70" s="147" t="s">
        <v>72</v>
      </c>
      <c r="S70" s="147"/>
      <c r="T70" s="147"/>
      <c r="U70" s="147"/>
      <c r="V70" s="147"/>
      <c r="W70" s="147"/>
      <c r="X70" s="148"/>
      <c r="Y70" s="133" t="s">
        <v>11</v>
      </c>
      <c r="Z70" s="23" t="s">
        <v>23</v>
      </c>
      <c r="AA70" s="23"/>
      <c r="AB70" s="60"/>
      <c r="AC70" s="133" t="s">
        <v>11</v>
      </c>
      <c r="AD70" s="23" t="s">
        <v>23</v>
      </c>
      <c r="AE70" s="23"/>
      <c r="AF70" s="60"/>
    </row>
    <row r="71" spans="1:32" ht="19.5" customHeight="1" x14ac:dyDescent="0.4">
      <c r="A71" s="45"/>
      <c r="B71" s="46"/>
      <c r="C71" s="47"/>
      <c r="D71" s="48"/>
      <c r="E71" s="49"/>
      <c r="F71" s="50"/>
      <c r="G71" s="51"/>
      <c r="H71" s="134" t="s">
        <v>20</v>
      </c>
      <c r="I71" s="135" t="s">
        <v>11</v>
      </c>
      <c r="J71" s="64" t="s">
        <v>21</v>
      </c>
      <c r="K71" s="65"/>
      <c r="L71" s="136"/>
      <c r="M71" s="137" t="s">
        <v>11</v>
      </c>
      <c r="N71" s="64" t="s">
        <v>22</v>
      </c>
      <c r="O71" s="137"/>
      <c r="P71" s="64"/>
      <c r="Q71" s="78"/>
      <c r="R71" s="78"/>
      <c r="S71" s="78"/>
      <c r="T71" s="78"/>
      <c r="U71" s="78"/>
      <c r="V71" s="78"/>
      <c r="W71" s="78"/>
      <c r="X71" s="79"/>
      <c r="Y71" s="22" t="s">
        <v>11</v>
      </c>
      <c r="Z71" s="67" t="s">
        <v>27</v>
      </c>
      <c r="AA71" s="68"/>
      <c r="AB71" s="69"/>
      <c r="AC71" s="22" t="s">
        <v>11</v>
      </c>
      <c r="AD71" s="67" t="s">
        <v>27</v>
      </c>
      <c r="AE71" s="68"/>
      <c r="AF71" s="69"/>
    </row>
    <row r="72" spans="1:32" ht="19.5" customHeight="1" x14ac:dyDescent="0.4">
      <c r="A72" s="45"/>
      <c r="B72" s="46"/>
      <c r="C72" s="47"/>
      <c r="D72" s="48"/>
      <c r="E72" s="49"/>
      <c r="F72" s="50"/>
      <c r="G72" s="51"/>
      <c r="H72" s="88" t="s">
        <v>73</v>
      </c>
      <c r="I72" s="53" t="s">
        <v>11</v>
      </c>
      <c r="J72" s="54" t="s">
        <v>21</v>
      </c>
      <c r="K72" s="55"/>
      <c r="L72" s="56"/>
      <c r="M72" s="57" t="s">
        <v>11</v>
      </c>
      <c r="N72" s="54" t="s">
        <v>22</v>
      </c>
      <c r="O72" s="57"/>
      <c r="P72" s="54"/>
      <c r="Q72" s="58"/>
      <c r="R72" s="58"/>
      <c r="S72" s="58"/>
      <c r="T72" s="58"/>
      <c r="U72" s="58"/>
      <c r="V72" s="58"/>
      <c r="W72" s="58"/>
      <c r="X72" s="59"/>
      <c r="Y72" s="22"/>
      <c r="Z72" s="67"/>
      <c r="AA72" s="68"/>
      <c r="AB72" s="69"/>
      <c r="AC72" s="22"/>
      <c r="AD72" s="67"/>
      <c r="AE72" s="68"/>
      <c r="AF72" s="69"/>
    </row>
    <row r="73" spans="1:32" ht="18.75" customHeight="1" x14ac:dyDescent="0.4">
      <c r="A73" s="45"/>
      <c r="B73" s="46"/>
      <c r="C73" s="61"/>
      <c r="D73" s="50"/>
      <c r="E73" s="49"/>
      <c r="F73" s="50"/>
      <c r="G73" s="62"/>
      <c r="H73" s="70" t="s">
        <v>74</v>
      </c>
      <c r="I73" s="138" t="s">
        <v>11</v>
      </c>
      <c r="J73" s="72" t="s">
        <v>25</v>
      </c>
      <c r="K73" s="72"/>
      <c r="L73" s="139" t="s">
        <v>11</v>
      </c>
      <c r="M73" s="72" t="s">
        <v>26</v>
      </c>
      <c r="N73" s="72"/>
      <c r="O73" s="115"/>
      <c r="P73" s="115"/>
      <c r="Q73" s="115"/>
      <c r="R73" s="115"/>
      <c r="S73" s="115"/>
      <c r="T73" s="115"/>
      <c r="U73" s="115"/>
      <c r="V73" s="115"/>
      <c r="W73" s="115"/>
      <c r="X73" s="116"/>
      <c r="Y73" s="80"/>
      <c r="Z73" s="68"/>
      <c r="AA73" s="68"/>
      <c r="AB73" s="69"/>
      <c r="AC73" s="80"/>
      <c r="AD73" s="68"/>
      <c r="AE73" s="68"/>
      <c r="AF73" s="69"/>
    </row>
    <row r="74" spans="1:32" ht="18.75" customHeight="1" x14ac:dyDescent="0.4">
      <c r="A74" s="45"/>
      <c r="B74" s="46"/>
      <c r="C74" s="61"/>
      <c r="D74" s="50"/>
      <c r="E74" s="49"/>
      <c r="F74" s="50"/>
      <c r="G74" s="62"/>
      <c r="H74" s="140"/>
      <c r="I74" s="141"/>
      <c r="J74" s="142"/>
      <c r="K74" s="142"/>
      <c r="L74" s="143"/>
      <c r="M74" s="142"/>
      <c r="N74" s="142"/>
      <c r="X74" s="144"/>
      <c r="Y74" s="80"/>
      <c r="Z74" s="68"/>
      <c r="AA74" s="68"/>
      <c r="AB74" s="69"/>
      <c r="AC74" s="80"/>
      <c r="AD74" s="68"/>
      <c r="AE74" s="68"/>
      <c r="AF74" s="69"/>
    </row>
    <row r="75" spans="1:32" ht="18.75" customHeight="1" x14ac:dyDescent="0.4">
      <c r="A75" s="45"/>
      <c r="B75" s="46"/>
      <c r="C75" s="61"/>
      <c r="D75" s="50"/>
      <c r="E75" s="49"/>
      <c r="F75" s="50"/>
      <c r="G75" s="62"/>
      <c r="H75" s="75"/>
      <c r="I75" s="145"/>
      <c r="J75" s="77"/>
      <c r="K75" s="77"/>
      <c r="L75" s="146"/>
      <c r="M75" s="77"/>
      <c r="N75" s="77"/>
      <c r="O75" s="147"/>
      <c r="P75" s="147"/>
      <c r="Q75" s="147"/>
      <c r="R75" s="147"/>
      <c r="S75" s="147"/>
      <c r="T75" s="147"/>
      <c r="U75" s="147"/>
      <c r="V75" s="147"/>
      <c r="W75" s="147"/>
      <c r="X75" s="148"/>
      <c r="Y75" s="80"/>
      <c r="Z75" s="68"/>
      <c r="AA75" s="68"/>
      <c r="AB75" s="69"/>
      <c r="AC75" s="80"/>
      <c r="AD75" s="68"/>
      <c r="AE75" s="68"/>
      <c r="AF75" s="69"/>
    </row>
    <row r="76" spans="1:32" ht="18.75" customHeight="1" x14ac:dyDescent="0.4">
      <c r="A76" s="45"/>
      <c r="B76" s="46"/>
      <c r="C76" s="61"/>
      <c r="D76" s="50"/>
      <c r="E76" s="49"/>
      <c r="F76" s="50"/>
      <c r="G76" s="62"/>
      <c r="H76" s="81" t="s">
        <v>103</v>
      </c>
      <c r="I76" s="53" t="s">
        <v>11</v>
      </c>
      <c r="J76" s="54" t="s">
        <v>38</v>
      </c>
      <c r="K76" s="55"/>
      <c r="L76" s="56"/>
      <c r="M76" s="57" t="s">
        <v>11</v>
      </c>
      <c r="N76" s="54" t="s">
        <v>39</v>
      </c>
      <c r="O76" s="58"/>
      <c r="P76" s="58"/>
      <c r="Q76" s="58"/>
      <c r="R76" s="58"/>
      <c r="S76" s="58"/>
      <c r="T76" s="58"/>
      <c r="U76" s="58"/>
      <c r="V76" s="58"/>
      <c r="W76" s="58"/>
      <c r="X76" s="59"/>
      <c r="Y76" s="80"/>
      <c r="Z76" s="68"/>
      <c r="AA76" s="68"/>
      <c r="AB76" s="69"/>
      <c r="AC76" s="80"/>
      <c r="AD76" s="68"/>
      <c r="AE76" s="68"/>
      <c r="AF76" s="69"/>
    </row>
    <row r="77" spans="1:32" ht="18.75" customHeight="1" x14ac:dyDescent="0.4">
      <c r="A77" s="45"/>
      <c r="B77" s="46"/>
      <c r="C77" s="61"/>
      <c r="D77" s="50"/>
      <c r="E77" s="49"/>
      <c r="F77" s="50"/>
      <c r="G77" s="62"/>
      <c r="H77" s="91" t="s">
        <v>81</v>
      </c>
      <c r="I77" s="53" t="s">
        <v>11</v>
      </c>
      <c r="J77" s="54" t="s">
        <v>25</v>
      </c>
      <c r="K77" s="54"/>
      <c r="L77" s="57" t="s">
        <v>11</v>
      </c>
      <c r="M77" s="54" t="s">
        <v>45</v>
      </c>
      <c r="N77" s="54"/>
      <c r="O77" s="57" t="s">
        <v>11</v>
      </c>
      <c r="P77" s="54" t="s">
        <v>46</v>
      </c>
      <c r="Q77" s="89"/>
      <c r="R77" s="89"/>
      <c r="S77" s="89"/>
      <c r="T77" s="89"/>
      <c r="U77" s="89"/>
      <c r="V77" s="89"/>
      <c r="W77" s="89"/>
      <c r="X77" s="113"/>
      <c r="Y77" s="80"/>
      <c r="Z77" s="68"/>
      <c r="AA77" s="68"/>
      <c r="AB77" s="69"/>
      <c r="AC77" s="80"/>
      <c r="AD77" s="68"/>
      <c r="AE77" s="68"/>
      <c r="AF77" s="69"/>
    </row>
    <row r="78" spans="1:32" ht="18.75" customHeight="1" x14ac:dyDescent="0.4">
      <c r="A78" s="85" t="s">
        <v>11</v>
      </c>
      <c r="B78" s="46">
        <v>72</v>
      </c>
      <c r="C78" s="61" t="s">
        <v>104</v>
      </c>
      <c r="D78" s="85" t="s">
        <v>11</v>
      </c>
      <c r="E78" s="49" t="s">
        <v>105</v>
      </c>
      <c r="F78" s="50"/>
      <c r="G78" s="62"/>
      <c r="H78" s="91" t="s">
        <v>86</v>
      </c>
      <c r="I78" s="53" t="s">
        <v>11</v>
      </c>
      <c r="J78" s="54" t="s">
        <v>25</v>
      </c>
      <c r="K78" s="54"/>
      <c r="L78" s="57" t="s">
        <v>11</v>
      </c>
      <c r="M78" s="54" t="s">
        <v>33</v>
      </c>
      <c r="N78" s="54"/>
      <c r="O78" s="57" t="s">
        <v>11</v>
      </c>
      <c r="P78" s="54" t="s">
        <v>34</v>
      </c>
      <c r="Q78" s="89"/>
      <c r="R78" s="89"/>
      <c r="S78" s="89"/>
      <c r="T78" s="89"/>
      <c r="U78" s="89"/>
      <c r="V78" s="89"/>
      <c r="W78" s="89"/>
      <c r="X78" s="113"/>
      <c r="Y78" s="80"/>
      <c r="Z78" s="68"/>
      <c r="AA78" s="68"/>
      <c r="AB78" s="69"/>
      <c r="AC78" s="80"/>
      <c r="AD78" s="68"/>
      <c r="AE78" s="68"/>
      <c r="AF78" s="69"/>
    </row>
    <row r="79" spans="1:32" ht="18.75" customHeight="1" x14ac:dyDescent="0.4">
      <c r="A79" s="45"/>
      <c r="B79" s="46"/>
      <c r="C79" s="61"/>
      <c r="D79" s="85" t="s">
        <v>11</v>
      </c>
      <c r="E79" s="49" t="s">
        <v>106</v>
      </c>
      <c r="F79" s="50"/>
      <c r="G79" s="62"/>
      <c r="H79" s="91" t="s">
        <v>107</v>
      </c>
      <c r="I79" s="93" t="s">
        <v>11</v>
      </c>
      <c r="J79" s="54" t="s">
        <v>25</v>
      </c>
      <c r="K79" s="55"/>
      <c r="L79" s="82" t="s">
        <v>11</v>
      </c>
      <c r="M79" s="54" t="s">
        <v>26</v>
      </c>
      <c r="N79" s="89"/>
      <c r="O79" s="89"/>
      <c r="P79" s="89"/>
      <c r="Q79" s="89"/>
      <c r="R79" s="89"/>
      <c r="S79" s="89"/>
      <c r="T79" s="89"/>
      <c r="U79" s="89"/>
      <c r="V79" s="89"/>
      <c r="W79" s="89"/>
      <c r="X79" s="113"/>
      <c r="Y79" s="80"/>
      <c r="Z79" s="68"/>
      <c r="AA79" s="68"/>
      <c r="AB79" s="69"/>
      <c r="AC79" s="80"/>
      <c r="AD79" s="68"/>
      <c r="AE79" s="68"/>
      <c r="AF79" s="69"/>
    </row>
    <row r="80" spans="1:32" ht="18.75" customHeight="1" x14ac:dyDescent="0.4">
      <c r="A80" s="45"/>
      <c r="B80" s="46"/>
      <c r="C80" s="61"/>
      <c r="D80" s="85" t="s">
        <v>11</v>
      </c>
      <c r="E80" s="49" t="s">
        <v>108</v>
      </c>
      <c r="F80" s="50"/>
      <c r="G80" s="62"/>
      <c r="H80" s="151" t="s">
        <v>109</v>
      </c>
      <c r="I80" s="93" t="s">
        <v>11</v>
      </c>
      <c r="J80" s="54" t="s">
        <v>25</v>
      </c>
      <c r="K80" s="55"/>
      <c r="L80" s="57" t="s">
        <v>11</v>
      </c>
      <c r="M80" s="54" t="s">
        <v>26</v>
      </c>
      <c r="N80" s="89"/>
      <c r="O80" s="89"/>
      <c r="P80" s="89"/>
      <c r="Q80" s="89"/>
      <c r="R80" s="89"/>
      <c r="S80" s="89"/>
      <c r="T80" s="89"/>
      <c r="U80" s="89"/>
      <c r="V80" s="89"/>
      <c r="W80" s="89"/>
      <c r="X80" s="113"/>
      <c r="Y80" s="80"/>
      <c r="Z80" s="68"/>
      <c r="AA80" s="68"/>
      <c r="AB80" s="69"/>
      <c r="AC80" s="80"/>
      <c r="AD80" s="68"/>
      <c r="AE80" s="68"/>
      <c r="AF80" s="69"/>
    </row>
    <row r="81" spans="1:32" ht="18.75" customHeight="1" x14ac:dyDescent="0.4">
      <c r="A81" s="45"/>
      <c r="B81" s="46"/>
      <c r="C81" s="61"/>
      <c r="D81" s="50"/>
      <c r="E81" s="49"/>
      <c r="F81" s="50"/>
      <c r="G81" s="62"/>
      <c r="H81" s="81" t="s">
        <v>110</v>
      </c>
      <c r="I81" s="93" t="s">
        <v>11</v>
      </c>
      <c r="J81" s="54" t="s">
        <v>25</v>
      </c>
      <c r="K81" s="55"/>
      <c r="L81" s="22" t="s">
        <v>11</v>
      </c>
      <c r="M81" s="54" t="s">
        <v>26</v>
      </c>
      <c r="N81" s="89"/>
      <c r="O81" s="89"/>
      <c r="P81" s="89"/>
      <c r="Q81" s="89"/>
      <c r="R81" s="89"/>
      <c r="S81" s="89"/>
      <c r="T81" s="89"/>
      <c r="U81" s="89"/>
      <c r="V81" s="89"/>
      <c r="W81" s="89"/>
      <c r="X81" s="113"/>
      <c r="Y81" s="80"/>
      <c r="Z81" s="68"/>
      <c r="AA81" s="68"/>
      <c r="AB81" s="69"/>
      <c r="AC81" s="80"/>
      <c r="AD81" s="68"/>
      <c r="AE81" s="68"/>
      <c r="AF81" s="69"/>
    </row>
    <row r="82" spans="1:32" ht="18.75" customHeight="1" x14ac:dyDescent="0.4">
      <c r="A82" s="45"/>
      <c r="B82" s="46"/>
      <c r="C82" s="47"/>
      <c r="D82" s="48"/>
      <c r="E82" s="49"/>
      <c r="F82" s="50"/>
      <c r="G82" s="62"/>
      <c r="H82" s="67" t="s">
        <v>95</v>
      </c>
      <c r="I82" s="53" t="s">
        <v>11</v>
      </c>
      <c r="J82" s="54" t="s">
        <v>25</v>
      </c>
      <c r="K82" s="55"/>
      <c r="L82" s="57" t="s">
        <v>11</v>
      </c>
      <c r="M82" s="54" t="s">
        <v>26</v>
      </c>
      <c r="N82" s="89"/>
      <c r="O82" s="89"/>
      <c r="P82" s="89"/>
      <c r="Q82" s="89"/>
      <c r="R82" s="89"/>
      <c r="S82" s="89"/>
      <c r="T82" s="89"/>
      <c r="U82" s="89"/>
      <c r="V82" s="89"/>
      <c r="W82" s="89"/>
      <c r="X82" s="113"/>
      <c r="Y82" s="80"/>
      <c r="Z82" s="68"/>
      <c r="AA82" s="68"/>
      <c r="AB82" s="69"/>
      <c r="AC82" s="80"/>
      <c r="AD82" s="68"/>
      <c r="AE82" s="68"/>
      <c r="AF82" s="69"/>
    </row>
    <row r="83" spans="1:32" ht="18.75" customHeight="1" x14ac:dyDescent="0.4">
      <c r="A83" s="45"/>
      <c r="B83" s="46"/>
      <c r="C83" s="47"/>
      <c r="D83" s="48"/>
      <c r="E83" s="49"/>
      <c r="F83" s="50"/>
      <c r="G83" s="62"/>
      <c r="H83" s="91" t="s">
        <v>96</v>
      </c>
      <c r="I83" s="53" t="s">
        <v>11</v>
      </c>
      <c r="J83" s="54" t="s">
        <v>25</v>
      </c>
      <c r="K83" s="55"/>
      <c r="L83" s="57" t="s">
        <v>11</v>
      </c>
      <c r="M83" s="54" t="s">
        <v>26</v>
      </c>
      <c r="N83" s="89"/>
      <c r="O83" s="89"/>
      <c r="P83" s="89"/>
      <c r="Q83" s="89"/>
      <c r="R83" s="89"/>
      <c r="S83" s="89"/>
      <c r="T83" s="89"/>
      <c r="U83" s="89"/>
      <c r="V83" s="89"/>
      <c r="W83" s="89"/>
      <c r="X83" s="113"/>
      <c r="Y83" s="80"/>
      <c r="Z83" s="68"/>
      <c r="AA83" s="68"/>
      <c r="AB83" s="69"/>
      <c r="AC83" s="80"/>
      <c r="AD83" s="68"/>
      <c r="AE83" s="68"/>
      <c r="AF83" s="69"/>
    </row>
    <row r="84" spans="1:32" ht="18.75" customHeight="1" x14ac:dyDescent="0.4">
      <c r="A84" s="45"/>
      <c r="B84" s="46"/>
      <c r="C84" s="47"/>
      <c r="D84" s="48"/>
      <c r="E84" s="49"/>
      <c r="F84" s="50"/>
      <c r="G84" s="62"/>
      <c r="H84" s="91" t="s">
        <v>97</v>
      </c>
      <c r="I84" s="53" t="s">
        <v>11</v>
      </c>
      <c r="J84" s="54" t="s">
        <v>25</v>
      </c>
      <c r="K84" s="55"/>
      <c r="L84" s="57" t="s">
        <v>11</v>
      </c>
      <c r="M84" s="54" t="s">
        <v>26</v>
      </c>
      <c r="N84" s="89"/>
      <c r="O84" s="89"/>
      <c r="P84" s="89"/>
      <c r="Q84" s="89"/>
      <c r="R84" s="89"/>
      <c r="S84" s="89"/>
      <c r="T84" s="89"/>
      <c r="U84" s="89"/>
      <c r="V84" s="89"/>
      <c r="W84" s="89"/>
      <c r="X84" s="113"/>
      <c r="Y84" s="80"/>
      <c r="Z84" s="68"/>
      <c r="AA84" s="68"/>
      <c r="AB84" s="69"/>
      <c r="AC84" s="80"/>
      <c r="AD84" s="68"/>
      <c r="AE84" s="68"/>
      <c r="AF84" s="69"/>
    </row>
    <row r="85" spans="1:32" ht="18.75" customHeight="1" x14ac:dyDescent="0.4">
      <c r="A85" s="45"/>
      <c r="B85" s="46"/>
      <c r="C85" s="61"/>
      <c r="D85" s="50"/>
      <c r="E85" s="49"/>
      <c r="F85" s="50"/>
      <c r="G85" s="62"/>
      <c r="H85" s="81" t="s">
        <v>48</v>
      </c>
      <c r="I85" s="57" t="s">
        <v>11</v>
      </c>
      <c r="J85" s="54" t="s">
        <v>25</v>
      </c>
      <c r="K85" s="54"/>
      <c r="L85" s="57" t="s">
        <v>11</v>
      </c>
      <c r="M85" s="54" t="s">
        <v>111</v>
      </c>
      <c r="N85" s="54"/>
      <c r="O85" s="57" t="s">
        <v>11</v>
      </c>
      <c r="P85" s="54" t="s">
        <v>112</v>
      </c>
      <c r="Q85" s="54"/>
      <c r="R85" s="57" t="s">
        <v>11</v>
      </c>
      <c r="S85" s="54" t="s">
        <v>113</v>
      </c>
      <c r="T85" s="89"/>
      <c r="U85" s="89"/>
      <c r="V85" s="89"/>
      <c r="W85" s="89"/>
      <c r="X85" s="113"/>
      <c r="Y85" s="80"/>
      <c r="Z85" s="68"/>
      <c r="AA85" s="68"/>
      <c r="AB85" s="69"/>
      <c r="AC85" s="80"/>
      <c r="AD85" s="68"/>
      <c r="AE85" s="68"/>
      <c r="AF85" s="69"/>
    </row>
    <row r="86" spans="1:32" ht="18.75" customHeight="1" x14ac:dyDescent="0.4">
      <c r="A86" s="45"/>
      <c r="B86" s="46"/>
      <c r="C86" s="47"/>
      <c r="D86" s="48"/>
      <c r="E86" s="49"/>
      <c r="F86" s="50"/>
      <c r="G86" s="51"/>
      <c r="H86" s="91" t="s">
        <v>52</v>
      </c>
      <c r="I86" s="53" t="s">
        <v>11</v>
      </c>
      <c r="J86" s="54" t="s">
        <v>25</v>
      </c>
      <c r="K86" s="54"/>
      <c r="L86" s="57" t="s">
        <v>11</v>
      </c>
      <c r="M86" s="54" t="s">
        <v>49</v>
      </c>
      <c r="N86" s="54"/>
      <c r="O86" s="57" t="s">
        <v>11</v>
      </c>
      <c r="P86" s="54" t="s">
        <v>50</v>
      </c>
      <c r="Q86" s="54"/>
      <c r="R86" s="57" t="s">
        <v>11</v>
      </c>
      <c r="S86" s="54" t="s">
        <v>53</v>
      </c>
      <c r="T86" s="54"/>
      <c r="U86" s="58"/>
      <c r="V86" s="58"/>
      <c r="W86" s="58"/>
      <c r="X86" s="59"/>
      <c r="Y86" s="68"/>
      <c r="Z86" s="68"/>
      <c r="AA86" s="68"/>
      <c r="AB86" s="69"/>
      <c r="AC86" s="80"/>
      <c r="AD86" s="68"/>
      <c r="AE86" s="68"/>
      <c r="AF86" s="69"/>
    </row>
    <row r="87" spans="1:32" ht="18.75" customHeight="1" x14ac:dyDescent="0.4">
      <c r="A87" s="45"/>
      <c r="B87" s="46"/>
      <c r="C87" s="47"/>
      <c r="D87" s="48"/>
      <c r="E87" s="49"/>
      <c r="F87" s="50"/>
      <c r="G87" s="51"/>
      <c r="H87" s="92" t="s">
        <v>54</v>
      </c>
      <c r="I87" s="93" t="s">
        <v>11</v>
      </c>
      <c r="J87" s="83" t="s">
        <v>55</v>
      </c>
      <c r="K87" s="83"/>
      <c r="L87" s="82" t="s">
        <v>11</v>
      </c>
      <c r="M87" s="83" t="s">
        <v>56</v>
      </c>
      <c r="N87" s="83"/>
      <c r="O87" s="82" t="s">
        <v>11</v>
      </c>
      <c r="P87" s="83" t="s">
        <v>57</v>
      </c>
      <c r="Q87" s="83"/>
      <c r="R87" s="82"/>
      <c r="S87" s="83"/>
      <c r="T87" s="83"/>
      <c r="U87" s="94"/>
      <c r="V87" s="94"/>
      <c r="W87" s="94"/>
      <c r="X87" s="95"/>
      <c r="Y87" s="68"/>
      <c r="Z87" s="68"/>
      <c r="AA87" s="68"/>
      <c r="AB87" s="69"/>
      <c r="AC87" s="80"/>
      <c r="AD87" s="68"/>
      <c r="AE87" s="68"/>
      <c r="AF87" s="69"/>
    </row>
    <row r="88" spans="1:32" ht="19.5" customHeight="1" x14ac:dyDescent="0.4">
      <c r="A88" s="96"/>
      <c r="B88" s="97"/>
      <c r="C88" s="98"/>
      <c r="D88" s="34"/>
      <c r="E88" s="41"/>
      <c r="F88" s="99"/>
      <c r="G88" s="100"/>
      <c r="H88" s="101" t="s">
        <v>58</v>
      </c>
      <c r="I88" s="102" t="s">
        <v>11</v>
      </c>
      <c r="J88" s="103" t="s">
        <v>25</v>
      </c>
      <c r="K88" s="103"/>
      <c r="L88" s="104" t="s">
        <v>11</v>
      </c>
      <c r="M88" s="103" t="s">
        <v>26</v>
      </c>
      <c r="N88" s="103"/>
      <c r="O88" s="103"/>
      <c r="P88" s="103"/>
      <c r="Q88" s="105"/>
      <c r="R88" s="105"/>
      <c r="S88" s="105"/>
      <c r="T88" s="105"/>
      <c r="U88" s="105"/>
      <c r="V88" s="105"/>
      <c r="W88" s="105"/>
      <c r="X88" s="106"/>
      <c r="Y88" s="107"/>
      <c r="Z88" s="107"/>
      <c r="AA88" s="107"/>
      <c r="AB88" s="108"/>
      <c r="AC88" s="109"/>
      <c r="AD88" s="107"/>
      <c r="AE88" s="107"/>
      <c r="AF88" s="108"/>
    </row>
    <row r="89" spans="1:32" ht="18.75" customHeight="1" x14ac:dyDescent="0.4">
      <c r="A89" s="122"/>
      <c r="B89" s="123"/>
      <c r="C89" s="124"/>
      <c r="D89" s="125"/>
      <c r="E89" s="25"/>
      <c r="F89" s="125"/>
      <c r="G89" s="126"/>
      <c r="H89" s="127" t="s">
        <v>114</v>
      </c>
      <c r="I89" s="128" t="s">
        <v>11</v>
      </c>
      <c r="J89" s="110" t="s">
        <v>25</v>
      </c>
      <c r="K89" s="110"/>
      <c r="L89" s="129"/>
      <c r="M89" s="130" t="s">
        <v>11</v>
      </c>
      <c r="N89" s="110" t="s">
        <v>71</v>
      </c>
      <c r="O89" s="110"/>
      <c r="P89" s="129"/>
      <c r="Q89" s="130" t="s">
        <v>11</v>
      </c>
      <c r="R89" s="131" t="s">
        <v>72</v>
      </c>
      <c r="S89" s="131"/>
      <c r="T89" s="131"/>
      <c r="U89" s="131"/>
      <c r="V89" s="131"/>
      <c r="W89" s="131"/>
      <c r="X89" s="132"/>
      <c r="Y89" s="133" t="s">
        <v>11</v>
      </c>
      <c r="Z89" s="23" t="s">
        <v>23</v>
      </c>
      <c r="AA89" s="23"/>
      <c r="AB89" s="60"/>
      <c r="AC89" s="133" t="s">
        <v>11</v>
      </c>
      <c r="AD89" s="23" t="s">
        <v>23</v>
      </c>
      <c r="AE89" s="23"/>
      <c r="AF89" s="60"/>
    </row>
    <row r="90" spans="1:32" ht="19.5" customHeight="1" x14ac:dyDescent="0.4">
      <c r="A90" s="45"/>
      <c r="B90" s="46"/>
      <c r="C90" s="47"/>
      <c r="D90" s="48"/>
      <c r="E90" s="49"/>
      <c r="F90" s="50"/>
      <c r="G90" s="51"/>
      <c r="H90" s="134" t="s">
        <v>20</v>
      </c>
      <c r="I90" s="135" t="s">
        <v>11</v>
      </c>
      <c r="J90" s="64" t="s">
        <v>21</v>
      </c>
      <c r="K90" s="65"/>
      <c r="L90" s="136"/>
      <c r="M90" s="137" t="s">
        <v>11</v>
      </c>
      <c r="N90" s="64" t="s">
        <v>22</v>
      </c>
      <c r="O90" s="137"/>
      <c r="P90" s="64"/>
      <c r="Q90" s="78"/>
      <c r="R90" s="78"/>
      <c r="S90" s="78"/>
      <c r="T90" s="78"/>
      <c r="U90" s="78"/>
      <c r="V90" s="78"/>
      <c r="W90" s="78"/>
      <c r="X90" s="79"/>
      <c r="Y90" s="22" t="s">
        <v>11</v>
      </c>
      <c r="Z90" s="67" t="s">
        <v>27</v>
      </c>
      <c r="AA90" s="68"/>
      <c r="AB90" s="69"/>
      <c r="AC90" s="22" t="s">
        <v>11</v>
      </c>
      <c r="AD90" s="67" t="s">
        <v>27</v>
      </c>
      <c r="AE90" s="68"/>
      <c r="AF90" s="69"/>
    </row>
    <row r="91" spans="1:32" ht="19.5" customHeight="1" x14ac:dyDescent="0.4">
      <c r="A91" s="45"/>
      <c r="B91" s="46"/>
      <c r="C91" s="47"/>
      <c r="D91" s="48"/>
      <c r="E91" s="49"/>
      <c r="F91" s="50"/>
      <c r="G91" s="51"/>
      <c r="H91" s="88" t="s">
        <v>73</v>
      </c>
      <c r="I91" s="53" t="s">
        <v>11</v>
      </c>
      <c r="J91" s="54" t="s">
        <v>21</v>
      </c>
      <c r="K91" s="55"/>
      <c r="L91" s="56"/>
      <c r="M91" s="57" t="s">
        <v>11</v>
      </c>
      <c r="N91" s="54" t="s">
        <v>22</v>
      </c>
      <c r="O91" s="57"/>
      <c r="P91" s="54"/>
      <c r="Q91" s="58"/>
      <c r="R91" s="58"/>
      <c r="S91" s="58"/>
      <c r="T91" s="58"/>
      <c r="U91" s="58"/>
      <c r="V91" s="58"/>
      <c r="W91" s="58"/>
      <c r="X91" s="59"/>
      <c r="Y91" s="22"/>
      <c r="Z91" s="67"/>
      <c r="AA91" s="68"/>
      <c r="AB91" s="69"/>
      <c r="AC91" s="22"/>
      <c r="AD91" s="67"/>
      <c r="AE91" s="68"/>
      <c r="AF91" s="69"/>
    </row>
    <row r="92" spans="1:32" ht="18.75" customHeight="1" x14ac:dyDescent="0.4">
      <c r="A92" s="45"/>
      <c r="B92" s="46"/>
      <c r="C92" s="61"/>
      <c r="D92" s="50"/>
      <c r="E92" s="49"/>
      <c r="F92" s="50"/>
      <c r="G92" s="62"/>
      <c r="H92" s="154" t="s">
        <v>115</v>
      </c>
      <c r="I92" s="85" t="s">
        <v>11</v>
      </c>
      <c r="J92" s="64" t="s">
        <v>25</v>
      </c>
      <c r="K92" s="65"/>
      <c r="L92" s="22" t="s">
        <v>11</v>
      </c>
      <c r="M92" s="64" t="s">
        <v>26</v>
      </c>
      <c r="N92" s="147"/>
      <c r="O92" s="147"/>
      <c r="P92" s="147"/>
      <c r="Q92" s="147"/>
      <c r="R92" s="147"/>
      <c r="S92" s="147"/>
      <c r="T92" s="147"/>
      <c r="U92" s="147"/>
      <c r="V92" s="147"/>
      <c r="W92" s="147"/>
      <c r="X92" s="148"/>
      <c r="Y92" s="80"/>
      <c r="Z92" s="68"/>
      <c r="AA92" s="68"/>
      <c r="AB92" s="69"/>
      <c r="AC92" s="80"/>
      <c r="AD92" s="68"/>
      <c r="AE92" s="68"/>
      <c r="AF92" s="69"/>
    </row>
    <row r="93" spans="1:32" ht="18.75" customHeight="1" x14ac:dyDescent="0.4">
      <c r="A93" s="45"/>
      <c r="B93" s="46"/>
      <c r="C93" s="61"/>
      <c r="D93" s="50"/>
      <c r="E93" s="49"/>
      <c r="F93" s="50"/>
      <c r="G93" s="62"/>
      <c r="H93" s="70" t="s">
        <v>28</v>
      </c>
      <c r="I93" s="71" t="s">
        <v>11</v>
      </c>
      <c r="J93" s="72" t="s">
        <v>29</v>
      </c>
      <c r="K93" s="72"/>
      <c r="L93" s="72"/>
      <c r="M93" s="71" t="s">
        <v>11</v>
      </c>
      <c r="N93" s="72" t="s">
        <v>30</v>
      </c>
      <c r="O93" s="72"/>
      <c r="P93" s="72"/>
      <c r="Q93" s="73"/>
      <c r="R93" s="73"/>
      <c r="S93" s="73"/>
      <c r="T93" s="73"/>
      <c r="U93" s="73"/>
      <c r="V93" s="73"/>
      <c r="W93" s="73"/>
      <c r="X93" s="74"/>
      <c r="Y93" s="80"/>
      <c r="Z93" s="68"/>
      <c r="AA93" s="68"/>
      <c r="AB93" s="69"/>
      <c r="AC93" s="80"/>
      <c r="AD93" s="68"/>
      <c r="AE93" s="68"/>
      <c r="AF93" s="69"/>
    </row>
    <row r="94" spans="1:32" ht="18.75" customHeight="1" x14ac:dyDescent="0.4">
      <c r="A94" s="45"/>
      <c r="B94" s="46"/>
      <c r="C94" s="61"/>
      <c r="D94" s="50"/>
      <c r="E94" s="49"/>
      <c r="F94" s="50"/>
      <c r="G94" s="62"/>
      <c r="H94" s="75"/>
      <c r="I94" s="76"/>
      <c r="J94" s="77"/>
      <c r="K94" s="77"/>
      <c r="L94" s="77"/>
      <c r="M94" s="76"/>
      <c r="N94" s="77"/>
      <c r="O94" s="77"/>
      <c r="P94" s="77"/>
      <c r="Q94" s="78"/>
      <c r="R94" s="78"/>
      <c r="S94" s="78"/>
      <c r="T94" s="78"/>
      <c r="U94" s="78"/>
      <c r="V94" s="78"/>
      <c r="W94" s="78"/>
      <c r="X94" s="79"/>
      <c r="Y94" s="80"/>
      <c r="Z94" s="68"/>
      <c r="AA94" s="68"/>
      <c r="AB94" s="69"/>
      <c r="AC94" s="80"/>
      <c r="AD94" s="68"/>
      <c r="AE94" s="68"/>
      <c r="AF94" s="69"/>
    </row>
    <row r="95" spans="1:32" ht="18.75" customHeight="1" x14ac:dyDescent="0.4">
      <c r="A95" s="45"/>
      <c r="B95" s="46"/>
      <c r="C95" s="61"/>
      <c r="D95" s="50"/>
      <c r="E95" s="49"/>
      <c r="F95" s="50"/>
      <c r="G95" s="62"/>
      <c r="H95" s="154" t="s">
        <v>93</v>
      </c>
      <c r="I95" s="93" t="s">
        <v>11</v>
      </c>
      <c r="J95" s="54" t="s">
        <v>25</v>
      </c>
      <c r="K95" s="54"/>
      <c r="L95" s="57" t="s">
        <v>11</v>
      </c>
      <c r="M95" s="54" t="s">
        <v>45</v>
      </c>
      <c r="N95" s="54"/>
      <c r="O95" s="82" t="s">
        <v>11</v>
      </c>
      <c r="P95" s="54" t="s">
        <v>46</v>
      </c>
      <c r="Q95" s="89"/>
      <c r="R95" s="82"/>
      <c r="S95" s="54"/>
      <c r="T95" s="89"/>
      <c r="U95" s="82"/>
      <c r="V95" s="54"/>
      <c r="W95" s="89"/>
      <c r="X95" s="79"/>
      <c r="Y95" s="80"/>
      <c r="Z95" s="68"/>
      <c r="AA95" s="68"/>
      <c r="AB95" s="69"/>
      <c r="AC95" s="80"/>
      <c r="AD95" s="68"/>
      <c r="AE95" s="68"/>
      <c r="AF95" s="69"/>
    </row>
    <row r="96" spans="1:32" ht="18.75" customHeight="1" x14ac:dyDescent="0.4">
      <c r="A96" s="45"/>
      <c r="B96" s="46"/>
      <c r="C96" s="61"/>
      <c r="D96" s="50"/>
      <c r="E96" s="49"/>
      <c r="F96" s="50"/>
      <c r="G96" s="62"/>
      <c r="H96" s="81" t="s">
        <v>116</v>
      </c>
      <c r="I96" s="93" t="s">
        <v>11</v>
      </c>
      <c r="J96" s="54" t="s">
        <v>25</v>
      </c>
      <c r="K96" s="55"/>
      <c r="L96" s="22" t="s">
        <v>11</v>
      </c>
      <c r="M96" s="54" t="s">
        <v>26</v>
      </c>
      <c r="N96" s="89"/>
      <c r="O96" s="89"/>
      <c r="P96" s="89"/>
      <c r="Q96" s="89"/>
      <c r="R96" s="89"/>
      <c r="S96" s="89"/>
      <c r="T96" s="89"/>
      <c r="U96" s="89"/>
      <c r="V96" s="89"/>
      <c r="W96" s="89"/>
      <c r="X96" s="113"/>
      <c r="Y96" s="80"/>
      <c r="Z96" s="68"/>
      <c r="AA96" s="68"/>
      <c r="AB96" s="69"/>
      <c r="AC96" s="80"/>
      <c r="AD96" s="68"/>
      <c r="AE96" s="68"/>
      <c r="AF96" s="69"/>
    </row>
    <row r="97" spans="1:32" ht="18.75" customHeight="1" x14ac:dyDescent="0.4">
      <c r="A97" s="45"/>
      <c r="B97" s="46"/>
      <c r="C97" s="61"/>
      <c r="D97" s="50"/>
      <c r="E97" s="49"/>
      <c r="F97" s="50"/>
      <c r="G97" s="62"/>
      <c r="H97" s="81" t="s">
        <v>117</v>
      </c>
      <c r="I97" s="93" t="s">
        <v>11</v>
      </c>
      <c r="J97" s="54" t="s">
        <v>25</v>
      </c>
      <c r="K97" s="54"/>
      <c r="L97" s="57" t="s">
        <v>11</v>
      </c>
      <c r="M97" s="54" t="s">
        <v>45</v>
      </c>
      <c r="N97" s="54"/>
      <c r="O97" s="82" t="s">
        <v>11</v>
      </c>
      <c r="P97" s="54" t="s">
        <v>46</v>
      </c>
      <c r="Q97" s="89"/>
      <c r="R97" s="82" t="s">
        <v>11</v>
      </c>
      <c r="S97" s="54" t="s">
        <v>118</v>
      </c>
      <c r="T97" s="89"/>
      <c r="U97" s="89"/>
      <c r="V97" s="89"/>
      <c r="W97" s="89"/>
      <c r="X97" s="113"/>
      <c r="Y97" s="80"/>
      <c r="Z97" s="68"/>
      <c r="AA97" s="68"/>
      <c r="AB97" s="69"/>
      <c r="AC97" s="80"/>
      <c r="AD97" s="68"/>
      <c r="AE97" s="68"/>
      <c r="AF97" s="69"/>
    </row>
    <row r="98" spans="1:32" ht="18.75" customHeight="1" x14ac:dyDescent="0.4">
      <c r="A98" s="85" t="s">
        <v>11</v>
      </c>
      <c r="B98" s="46">
        <v>73</v>
      </c>
      <c r="C98" s="61" t="s">
        <v>119</v>
      </c>
      <c r="D98" s="85" t="s">
        <v>11</v>
      </c>
      <c r="E98" s="49" t="s">
        <v>120</v>
      </c>
      <c r="F98" s="50"/>
      <c r="G98" s="62"/>
      <c r="H98" s="81" t="s">
        <v>121</v>
      </c>
      <c r="I98" s="53" t="s">
        <v>11</v>
      </c>
      <c r="J98" s="54" t="s">
        <v>25</v>
      </c>
      <c r="K98" s="55"/>
      <c r="L98" s="57" t="s">
        <v>11</v>
      </c>
      <c r="M98" s="54" t="s">
        <v>26</v>
      </c>
      <c r="N98" s="89"/>
      <c r="O98" s="89"/>
      <c r="P98" s="89"/>
      <c r="Q98" s="89"/>
      <c r="R98" s="89"/>
      <c r="S98" s="89"/>
      <c r="T98" s="89"/>
      <c r="U98" s="89"/>
      <c r="V98" s="89"/>
      <c r="W98" s="89"/>
      <c r="X98" s="113"/>
      <c r="Y98" s="80"/>
      <c r="Z98" s="68"/>
      <c r="AA98" s="68"/>
      <c r="AB98" s="69"/>
      <c r="AC98" s="80"/>
      <c r="AD98" s="68"/>
      <c r="AE98" s="68"/>
      <c r="AF98" s="69"/>
    </row>
    <row r="99" spans="1:32" ht="18.75" customHeight="1" x14ac:dyDescent="0.4">
      <c r="A99" s="45"/>
      <c r="B99" s="46"/>
      <c r="C99" s="61"/>
      <c r="D99" s="85" t="s">
        <v>11</v>
      </c>
      <c r="E99" s="49" t="s">
        <v>122</v>
      </c>
      <c r="F99" s="50"/>
      <c r="G99" s="62"/>
      <c r="H99" s="81" t="s">
        <v>123</v>
      </c>
      <c r="I99" s="53" t="s">
        <v>11</v>
      </c>
      <c r="J99" s="54" t="s">
        <v>25</v>
      </c>
      <c r="K99" s="55"/>
      <c r="L99" s="57" t="s">
        <v>11</v>
      </c>
      <c r="M99" s="54" t="s">
        <v>26</v>
      </c>
      <c r="N99" s="89"/>
      <c r="O99" s="89"/>
      <c r="P99" s="89"/>
      <c r="Q99" s="89"/>
      <c r="R99" s="89"/>
      <c r="S99" s="89"/>
      <c r="T99" s="89"/>
      <c r="U99" s="89"/>
      <c r="V99" s="89"/>
      <c r="W99" s="89"/>
      <c r="X99" s="113"/>
      <c r="Y99" s="80"/>
      <c r="Z99" s="68"/>
      <c r="AA99" s="68"/>
      <c r="AB99" s="69"/>
      <c r="AC99" s="80"/>
      <c r="AD99" s="68"/>
      <c r="AE99" s="68"/>
      <c r="AF99" s="69"/>
    </row>
    <row r="100" spans="1:32" ht="18.75" customHeight="1" x14ac:dyDescent="0.4">
      <c r="A100" s="45"/>
      <c r="B100" s="46"/>
      <c r="C100" s="61"/>
      <c r="D100" s="50"/>
      <c r="E100" s="49" t="s">
        <v>124</v>
      </c>
      <c r="F100" s="50"/>
      <c r="G100" s="62"/>
      <c r="H100" s="81" t="s">
        <v>43</v>
      </c>
      <c r="I100" s="53" t="s">
        <v>11</v>
      </c>
      <c r="J100" s="54" t="s">
        <v>25</v>
      </c>
      <c r="K100" s="55"/>
      <c r="L100" s="57" t="s">
        <v>11</v>
      </c>
      <c r="M100" s="54" t="s">
        <v>33</v>
      </c>
      <c r="N100" s="54"/>
      <c r="O100" s="82" t="s">
        <v>11</v>
      </c>
      <c r="P100" s="83" t="s">
        <v>34</v>
      </c>
      <c r="Q100" s="54"/>
      <c r="R100" s="54"/>
      <c r="S100" s="55"/>
      <c r="T100" s="54"/>
      <c r="U100" s="55"/>
      <c r="V100" s="55"/>
      <c r="W100" s="55"/>
      <c r="X100" s="84"/>
      <c r="Y100" s="80"/>
      <c r="Z100" s="68"/>
      <c r="AA100" s="68"/>
      <c r="AB100" s="69"/>
      <c r="AC100" s="80"/>
      <c r="AD100" s="68"/>
      <c r="AE100" s="68"/>
      <c r="AF100" s="69"/>
    </row>
    <row r="101" spans="1:32" ht="18.75" customHeight="1" x14ac:dyDescent="0.4">
      <c r="A101" s="45"/>
      <c r="B101" s="46"/>
      <c r="C101" s="61"/>
      <c r="D101" s="50"/>
      <c r="E101" s="49"/>
      <c r="F101" s="50"/>
      <c r="G101" s="62"/>
      <c r="H101" s="91" t="s">
        <v>97</v>
      </c>
      <c r="I101" s="53" t="s">
        <v>11</v>
      </c>
      <c r="J101" s="54" t="s">
        <v>25</v>
      </c>
      <c r="K101" s="55"/>
      <c r="L101" s="57" t="s">
        <v>11</v>
      </c>
      <c r="M101" s="54" t="s">
        <v>26</v>
      </c>
      <c r="N101" s="89"/>
      <c r="O101" s="89"/>
      <c r="P101" s="89"/>
      <c r="Q101" s="89"/>
      <c r="R101" s="89"/>
      <c r="S101" s="89"/>
      <c r="T101" s="89"/>
      <c r="U101" s="89"/>
      <c r="V101" s="89"/>
      <c r="W101" s="89"/>
      <c r="X101" s="113"/>
      <c r="Y101" s="80"/>
      <c r="Z101" s="68"/>
      <c r="AA101" s="68"/>
      <c r="AB101" s="69"/>
      <c r="AC101" s="80"/>
      <c r="AD101" s="68"/>
      <c r="AE101" s="68"/>
      <c r="AF101" s="69"/>
    </row>
    <row r="102" spans="1:32" ht="18.75" customHeight="1" x14ac:dyDescent="0.4">
      <c r="A102" s="45"/>
      <c r="B102" s="46"/>
      <c r="C102" s="61"/>
      <c r="D102" s="50"/>
      <c r="E102" s="49"/>
      <c r="F102" s="50"/>
      <c r="G102" s="62"/>
      <c r="H102" s="155" t="s">
        <v>125</v>
      </c>
      <c r="I102" s="53" t="s">
        <v>11</v>
      </c>
      <c r="J102" s="54" t="s">
        <v>25</v>
      </c>
      <c r="K102" s="54"/>
      <c r="L102" s="57" t="s">
        <v>11</v>
      </c>
      <c r="M102" s="54" t="s">
        <v>45</v>
      </c>
      <c r="N102" s="54"/>
      <c r="O102" s="57" t="s">
        <v>11</v>
      </c>
      <c r="P102" s="54" t="s">
        <v>46</v>
      </c>
      <c r="Q102" s="58"/>
      <c r="R102" s="58"/>
      <c r="S102" s="58"/>
      <c r="T102" s="58"/>
      <c r="U102" s="94"/>
      <c r="V102" s="94"/>
      <c r="W102" s="94"/>
      <c r="X102" s="95"/>
      <c r="Y102" s="80"/>
      <c r="Z102" s="68"/>
      <c r="AA102" s="68"/>
      <c r="AB102" s="69"/>
      <c r="AC102" s="80"/>
      <c r="AD102" s="68"/>
      <c r="AE102" s="68"/>
      <c r="AF102" s="69"/>
    </row>
    <row r="103" spans="1:32" ht="18.75" customHeight="1" x14ac:dyDescent="0.4">
      <c r="A103" s="45"/>
      <c r="B103" s="46"/>
      <c r="C103" s="61"/>
      <c r="D103" s="50"/>
      <c r="E103" s="49"/>
      <c r="F103" s="50"/>
      <c r="G103" s="62"/>
      <c r="H103" s="81" t="s">
        <v>48</v>
      </c>
      <c r="I103" s="53" t="s">
        <v>11</v>
      </c>
      <c r="J103" s="54" t="s">
        <v>25</v>
      </c>
      <c r="K103" s="54"/>
      <c r="L103" s="57" t="s">
        <v>11</v>
      </c>
      <c r="M103" s="54" t="s">
        <v>49</v>
      </c>
      <c r="N103" s="54"/>
      <c r="O103" s="57" t="s">
        <v>11</v>
      </c>
      <c r="P103" s="54" t="s">
        <v>50</v>
      </c>
      <c r="Q103" s="89"/>
      <c r="R103" s="57" t="s">
        <v>11</v>
      </c>
      <c r="S103" s="54" t="s">
        <v>51</v>
      </c>
      <c r="T103" s="89"/>
      <c r="U103" s="89"/>
      <c r="V103" s="89"/>
      <c r="W103" s="89"/>
      <c r="X103" s="113"/>
      <c r="Y103" s="80"/>
      <c r="Z103" s="68"/>
      <c r="AA103" s="68"/>
      <c r="AB103" s="69"/>
      <c r="AC103" s="80"/>
      <c r="AD103" s="68"/>
      <c r="AE103" s="68"/>
      <c r="AF103" s="69"/>
    </row>
    <row r="104" spans="1:32" ht="18.75" customHeight="1" x14ac:dyDescent="0.4">
      <c r="A104" s="45"/>
      <c r="B104" s="46"/>
      <c r="C104" s="47"/>
      <c r="D104" s="48"/>
      <c r="E104" s="49"/>
      <c r="F104" s="50"/>
      <c r="G104" s="51"/>
      <c r="H104" s="91" t="s">
        <v>52</v>
      </c>
      <c r="I104" s="53" t="s">
        <v>11</v>
      </c>
      <c r="J104" s="54" t="s">
        <v>25</v>
      </c>
      <c r="K104" s="54"/>
      <c r="L104" s="57" t="s">
        <v>11</v>
      </c>
      <c r="M104" s="54" t="s">
        <v>49</v>
      </c>
      <c r="N104" s="54"/>
      <c r="O104" s="57" t="s">
        <v>11</v>
      </c>
      <c r="P104" s="54" t="s">
        <v>50</v>
      </c>
      <c r="Q104" s="54"/>
      <c r="R104" s="57" t="s">
        <v>11</v>
      </c>
      <c r="S104" s="54" t="s">
        <v>53</v>
      </c>
      <c r="T104" s="54"/>
      <c r="U104" s="58"/>
      <c r="V104" s="58"/>
      <c r="W104" s="58"/>
      <c r="X104" s="59"/>
      <c r="Y104" s="68"/>
      <c r="Z104" s="68"/>
      <c r="AA104" s="68"/>
      <c r="AB104" s="69"/>
      <c r="AC104" s="80"/>
      <c r="AD104" s="68"/>
      <c r="AE104" s="68"/>
      <c r="AF104" s="69"/>
    </row>
    <row r="105" spans="1:32" ht="18.75" customHeight="1" x14ac:dyDescent="0.4">
      <c r="A105" s="45"/>
      <c r="B105" s="46"/>
      <c r="C105" s="47"/>
      <c r="D105" s="48"/>
      <c r="E105" s="49"/>
      <c r="F105" s="50"/>
      <c r="G105" s="51"/>
      <c r="H105" s="92" t="s">
        <v>54</v>
      </c>
      <c r="I105" s="93" t="s">
        <v>11</v>
      </c>
      <c r="J105" s="83" t="s">
        <v>55</v>
      </c>
      <c r="K105" s="83"/>
      <c r="L105" s="82" t="s">
        <v>11</v>
      </c>
      <c r="M105" s="83" t="s">
        <v>56</v>
      </c>
      <c r="N105" s="83"/>
      <c r="O105" s="82" t="s">
        <v>11</v>
      </c>
      <c r="P105" s="83" t="s">
        <v>57</v>
      </c>
      <c r="Q105" s="83"/>
      <c r="R105" s="82"/>
      <c r="S105" s="83"/>
      <c r="T105" s="83"/>
      <c r="U105" s="94"/>
      <c r="V105" s="94"/>
      <c r="W105" s="94"/>
      <c r="X105" s="95"/>
      <c r="Y105" s="68"/>
      <c r="Z105" s="68"/>
      <c r="AA105" s="68"/>
      <c r="AB105" s="69"/>
      <c r="AC105" s="80"/>
      <c r="AD105" s="68"/>
      <c r="AE105" s="68"/>
      <c r="AF105" s="69"/>
    </row>
    <row r="106" spans="1:32" ht="19.5" customHeight="1" x14ac:dyDescent="0.4">
      <c r="A106" s="96"/>
      <c r="B106" s="97"/>
      <c r="C106" s="98"/>
      <c r="D106" s="34"/>
      <c r="E106" s="41"/>
      <c r="F106" s="99"/>
      <c r="G106" s="100"/>
      <c r="H106" s="101" t="s">
        <v>58</v>
      </c>
      <c r="I106" s="102" t="s">
        <v>11</v>
      </c>
      <c r="J106" s="103" t="s">
        <v>25</v>
      </c>
      <c r="K106" s="103"/>
      <c r="L106" s="104" t="s">
        <v>11</v>
      </c>
      <c r="M106" s="103" t="s">
        <v>26</v>
      </c>
      <c r="N106" s="103"/>
      <c r="O106" s="103"/>
      <c r="P106" s="103"/>
      <c r="Q106" s="105"/>
      <c r="R106" s="105"/>
      <c r="S106" s="105"/>
      <c r="T106" s="105"/>
      <c r="U106" s="105"/>
      <c r="V106" s="105"/>
      <c r="W106" s="105"/>
      <c r="X106" s="106"/>
      <c r="Y106" s="107"/>
      <c r="Z106" s="107"/>
      <c r="AA106" s="107"/>
      <c r="AB106" s="108"/>
      <c r="AC106" s="109"/>
      <c r="AD106" s="107"/>
      <c r="AE106" s="107"/>
      <c r="AF106" s="108"/>
    </row>
    <row r="107" spans="1:32" ht="18.75" customHeight="1" x14ac:dyDescent="0.4">
      <c r="A107" s="48"/>
      <c r="B107" s="2"/>
      <c r="C107" s="48"/>
      <c r="D107" s="48"/>
      <c r="F107" s="50"/>
      <c r="G107" s="62"/>
      <c r="H107" s="63" t="s">
        <v>70</v>
      </c>
      <c r="I107" s="135" t="s">
        <v>11</v>
      </c>
      <c r="J107" s="64" t="s">
        <v>25</v>
      </c>
      <c r="K107" s="64"/>
      <c r="L107" s="136"/>
      <c r="M107" s="137" t="s">
        <v>11</v>
      </c>
      <c r="N107" s="64" t="s">
        <v>71</v>
      </c>
      <c r="O107" s="64"/>
      <c r="P107" s="136"/>
      <c r="Q107" s="137" t="s">
        <v>11</v>
      </c>
      <c r="R107" s="147" t="s">
        <v>72</v>
      </c>
      <c r="S107" s="147"/>
      <c r="T107" s="147"/>
      <c r="U107" s="147"/>
      <c r="V107" s="147"/>
      <c r="W107" s="147"/>
      <c r="X107" s="148"/>
      <c r="Y107" s="156" t="s">
        <v>11</v>
      </c>
      <c r="Z107" s="23" t="s">
        <v>23</v>
      </c>
      <c r="AA107" s="23"/>
      <c r="AB107" s="60"/>
      <c r="AC107" s="156" t="s">
        <v>11</v>
      </c>
      <c r="AD107" s="23" t="s">
        <v>23</v>
      </c>
      <c r="AE107" s="23"/>
      <c r="AF107" s="60"/>
    </row>
    <row r="108" spans="1:32" ht="19.5" customHeight="1" x14ac:dyDescent="0.4">
      <c r="A108" s="45"/>
      <c r="B108" s="46"/>
      <c r="C108" s="61"/>
      <c r="D108" s="85"/>
      <c r="E108" s="49"/>
      <c r="F108" s="50"/>
      <c r="G108" s="51"/>
      <c r="H108" s="88" t="s">
        <v>20</v>
      </c>
      <c r="I108" s="53" t="s">
        <v>11</v>
      </c>
      <c r="J108" s="54" t="s">
        <v>21</v>
      </c>
      <c r="K108" s="55"/>
      <c r="L108" s="56"/>
      <c r="M108" s="57" t="s">
        <v>11</v>
      </c>
      <c r="N108" s="54" t="s">
        <v>22</v>
      </c>
      <c r="O108" s="57"/>
      <c r="P108" s="54"/>
      <c r="Q108" s="58"/>
      <c r="R108" s="58"/>
      <c r="S108" s="58"/>
      <c r="T108" s="58"/>
      <c r="U108" s="58"/>
      <c r="V108" s="58"/>
      <c r="W108" s="58"/>
      <c r="X108" s="59"/>
      <c r="Y108" s="85" t="s">
        <v>11</v>
      </c>
      <c r="Z108" s="67" t="s">
        <v>27</v>
      </c>
      <c r="AA108" s="68"/>
      <c r="AB108" s="69"/>
      <c r="AC108" s="85" t="s">
        <v>11</v>
      </c>
      <c r="AD108" s="67" t="s">
        <v>27</v>
      </c>
      <c r="AE108" s="68"/>
      <c r="AF108" s="69"/>
    </row>
    <row r="109" spans="1:32" ht="19.5" customHeight="1" x14ac:dyDescent="0.4">
      <c r="A109" s="45"/>
      <c r="B109" s="46"/>
      <c r="C109" s="61"/>
      <c r="D109" s="85"/>
      <c r="E109" s="49"/>
      <c r="F109" s="50"/>
      <c r="G109" s="51"/>
      <c r="H109" s="86" t="s">
        <v>73</v>
      </c>
      <c r="I109" s="53" t="s">
        <v>11</v>
      </c>
      <c r="J109" s="54" t="s">
        <v>21</v>
      </c>
      <c r="K109" s="55"/>
      <c r="L109" s="56"/>
      <c r="M109" s="57" t="s">
        <v>11</v>
      </c>
      <c r="N109" s="54" t="s">
        <v>22</v>
      </c>
      <c r="O109" s="57"/>
      <c r="P109" s="54"/>
      <c r="Q109" s="58"/>
      <c r="R109" s="58"/>
      <c r="S109" s="58"/>
      <c r="T109" s="58"/>
      <c r="U109" s="58"/>
      <c r="V109" s="58"/>
      <c r="W109" s="58"/>
      <c r="X109" s="59"/>
      <c r="Y109" s="85"/>
      <c r="Z109" s="67"/>
      <c r="AA109" s="68"/>
      <c r="AB109" s="69"/>
      <c r="AC109" s="85"/>
      <c r="AD109" s="67"/>
      <c r="AE109" s="68"/>
      <c r="AF109" s="69"/>
    </row>
    <row r="110" spans="1:32" ht="18.75" customHeight="1" x14ac:dyDescent="0.4">
      <c r="A110" s="85" t="s">
        <v>11</v>
      </c>
      <c r="B110" s="46">
        <v>68</v>
      </c>
      <c r="C110" s="61" t="s">
        <v>126</v>
      </c>
      <c r="D110" s="85" t="s">
        <v>11</v>
      </c>
      <c r="E110" s="49" t="s">
        <v>120</v>
      </c>
      <c r="F110" s="50"/>
      <c r="G110" s="62"/>
      <c r="H110" s="70" t="s">
        <v>28</v>
      </c>
      <c r="I110" s="71" t="s">
        <v>11</v>
      </c>
      <c r="J110" s="72" t="s">
        <v>29</v>
      </c>
      <c r="K110" s="72"/>
      <c r="L110" s="72"/>
      <c r="M110" s="71" t="s">
        <v>11</v>
      </c>
      <c r="N110" s="72" t="s">
        <v>30</v>
      </c>
      <c r="O110" s="72"/>
      <c r="P110" s="72"/>
      <c r="Q110" s="73"/>
      <c r="R110" s="73"/>
      <c r="S110" s="73"/>
      <c r="T110" s="73"/>
      <c r="U110" s="73"/>
      <c r="V110" s="73"/>
      <c r="W110" s="73"/>
      <c r="X110" s="74"/>
      <c r="Y110" s="80"/>
      <c r="Z110" s="68"/>
      <c r="AA110" s="68"/>
      <c r="AB110" s="69"/>
      <c r="AC110" s="80"/>
      <c r="AD110" s="68"/>
      <c r="AE110" s="68"/>
      <c r="AF110" s="69"/>
    </row>
    <row r="111" spans="1:32" ht="18.75" customHeight="1" x14ac:dyDescent="0.4">
      <c r="A111" s="85"/>
      <c r="B111" s="46"/>
      <c r="C111" s="61" t="s">
        <v>127</v>
      </c>
      <c r="D111" s="85" t="s">
        <v>11</v>
      </c>
      <c r="E111" s="49" t="s">
        <v>122</v>
      </c>
      <c r="F111" s="50"/>
      <c r="G111" s="62"/>
      <c r="H111" s="75"/>
      <c r="I111" s="76"/>
      <c r="J111" s="77"/>
      <c r="K111" s="77"/>
      <c r="L111" s="77"/>
      <c r="M111" s="76"/>
      <c r="N111" s="77"/>
      <c r="O111" s="77"/>
      <c r="P111" s="77"/>
      <c r="Q111" s="78"/>
      <c r="R111" s="78"/>
      <c r="S111" s="78"/>
      <c r="T111" s="78"/>
      <c r="U111" s="78"/>
      <c r="V111" s="78"/>
      <c r="W111" s="78"/>
      <c r="X111" s="79"/>
      <c r="Y111" s="80"/>
      <c r="Z111" s="68"/>
      <c r="AA111" s="68"/>
      <c r="AB111" s="69"/>
      <c r="AC111" s="80"/>
      <c r="AD111" s="68"/>
      <c r="AE111" s="68"/>
      <c r="AF111" s="69"/>
    </row>
    <row r="112" spans="1:32" ht="18.75" customHeight="1" x14ac:dyDescent="0.4">
      <c r="A112" s="85"/>
      <c r="B112" s="46"/>
      <c r="C112" s="61"/>
      <c r="D112" s="85"/>
      <c r="E112" s="49" t="s">
        <v>124</v>
      </c>
      <c r="F112" s="50"/>
      <c r="G112" s="62"/>
      <c r="H112" s="155" t="s">
        <v>125</v>
      </c>
      <c r="I112" s="53" t="s">
        <v>11</v>
      </c>
      <c r="J112" s="54" t="s">
        <v>25</v>
      </c>
      <c r="K112" s="54"/>
      <c r="L112" s="57" t="s">
        <v>11</v>
      </c>
      <c r="M112" s="54" t="s">
        <v>45</v>
      </c>
      <c r="N112" s="54"/>
      <c r="O112" s="57" t="s">
        <v>11</v>
      </c>
      <c r="P112" s="54" t="s">
        <v>46</v>
      </c>
      <c r="Q112" s="58"/>
      <c r="R112" s="58"/>
      <c r="S112" s="58"/>
      <c r="T112" s="58"/>
      <c r="U112" s="94"/>
      <c r="V112" s="94"/>
      <c r="W112" s="94"/>
      <c r="X112" s="95"/>
      <c r="Y112" s="80"/>
      <c r="Z112" s="68"/>
      <c r="AA112" s="68"/>
      <c r="AB112" s="69"/>
      <c r="AC112" s="80"/>
      <c r="AD112" s="68"/>
      <c r="AE112" s="68"/>
      <c r="AF112" s="69"/>
    </row>
    <row r="113" spans="1:32" ht="18.75" customHeight="1" x14ac:dyDescent="0.4">
      <c r="A113" s="45"/>
      <c r="B113" s="46"/>
      <c r="C113" s="61"/>
      <c r="D113" s="50"/>
      <c r="F113" s="50"/>
      <c r="G113" s="62"/>
      <c r="H113" s="81" t="s">
        <v>48</v>
      </c>
      <c r="I113" s="53" t="s">
        <v>11</v>
      </c>
      <c r="J113" s="54" t="s">
        <v>25</v>
      </c>
      <c r="K113" s="54"/>
      <c r="L113" s="57" t="s">
        <v>11</v>
      </c>
      <c r="M113" s="54" t="s">
        <v>49</v>
      </c>
      <c r="N113" s="54"/>
      <c r="O113" s="57" t="s">
        <v>11</v>
      </c>
      <c r="P113" s="54" t="s">
        <v>50</v>
      </c>
      <c r="Q113" s="89"/>
      <c r="R113" s="57" t="s">
        <v>11</v>
      </c>
      <c r="S113" s="54" t="s">
        <v>51</v>
      </c>
      <c r="T113" s="89"/>
      <c r="U113" s="89"/>
      <c r="V113" s="89"/>
      <c r="W113" s="89"/>
      <c r="X113" s="113"/>
      <c r="Y113" s="80"/>
      <c r="Z113" s="68"/>
      <c r="AA113" s="68"/>
      <c r="AB113" s="69"/>
      <c r="AC113" s="80"/>
      <c r="AD113" s="68"/>
      <c r="AE113" s="68"/>
      <c r="AF113" s="69"/>
    </row>
    <row r="114" spans="1:32" ht="18.75" customHeight="1" x14ac:dyDescent="0.4">
      <c r="A114" s="45"/>
      <c r="B114" s="46"/>
      <c r="C114" s="47"/>
      <c r="D114" s="48"/>
      <c r="E114" s="49"/>
      <c r="F114" s="50"/>
      <c r="G114" s="51"/>
      <c r="H114" s="91" t="s">
        <v>52</v>
      </c>
      <c r="I114" s="53" t="s">
        <v>11</v>
      </c>
      <c r="J114" s="54" t="s">
        <v>25</v>
      </c>
      <c r="K114" s="54"/>
      <c r="L114" s="57" t="s">
        <v>11</v>
      </c>
      <c r="M114" s="54" t="s">
        <v>49</v>
      </c>
      <c r="N114" s="54"/>
      <c r="O114" s="57" t="s">
        <v>11</v>
      </c>
      <c r="P114" s="54" t="s">
        <v>50</v>
      </c>
      <c r="Q114" s="54"/>
      <c r="R114" s="57" t="s">
        <v>11</v>
      </c>
      <c r="S114" s="54" t="s">
        <v>53</v>
      </c>
      <c r="T114" s="54"/>
      <c r="U114" s="58"/>
      <c r="V114" s="58"/>
      <c r="W114" s="58"/>
      <c r="X114" s="59"/>
      <c r="Y114" s="68"/>
      <c r="Z114" s="68"/>
      <c r="AA114" s="68"/>
      <c r="AB114" s="69"/>
      <c r="AC114" s="80"/>
      <c r="AD114" s="68"/>
      <c r="AE114" s="68"/>
      <c r="AF114" s="69"/>
    </row>
    <row r="115" spans="1:32" ht="18.75" customHeight="1" x14ac:dyDescent="0.4">
      <c r="A115" s="45"/>
      <c r="B115" s="46"/>
      <c r="C115" s="47"/>
      <c r="D115" s="48"/>
      <c r="E115" s="49"/>
      <c r="F115" s="50"/>
      <c r="G115" s="51"/>
      <c r="H115" s="92" t="s">
        <v>54</v>
      </c>
      <c r="I115" s="93" t="s">
        <v>11</v>
      </c>
      <c r="J115" s="83" t="s">
        <v>55</v>
      </c>
      <c r="K115" s="83"/>
      <c r="L115" s="82" t="s">
        <v>11</v>
      </c>
      <c r="M115" s="83" t="s">
        <v>56</v>
      </c>
      <c r="N115" s="83"/>
      <c r="O115" s="82" t="s">
        <v>11</v>
      </c>
      <c r="P115" s="83" t="s">
        <v>57</v>
      </c>
      <c r="Q115" s="83"/>
      <c r="R115" s="82"/>
      <c r="S115" s="83"/>
      <c r="T115" s="83"/>
      <c r="U115" s="94"/>
      <c r="V115" s="94"/>
      <c r="W115" s="94"/>
      <c r="X115" s="95"/>
      <c r="Y115" s="68"/>
      <c r="Z115" s="68"/>
      <c r="AA115" s="68"/>
      <c r="AB115" s="69"/>
      <c r="AC115" s="80"/>
      <c r="AD115" s="68"/>
      <c r="AE115" s="68"/>
      <c r="AF115" s="69"/>
    </row>
    <row r="116" spans="1:32" ht="19.5" customHeight="1" x14ac:dyDescent="0.4">
      <c r="A116" s="96"/>
      <c r="B116" s="97"/>
      <c r="C116" s="98"/>
      <c r="D116" s="34"/>
      <c r="E116" s="41"/>
      <c r="F116" s="99"/>
      <c r="G116" s="100"/>
      <c r="H116" s="101" t="s">
        <v>58</v>
      </c>
      <c r="I116" s="102" t="s">
        <v>11</v>
      </c>
      <c r="J116" s="103" t="s">
        <v>25</v>
      </c>
      <c r="K116" s="103"/>
      <c r="L116" s="104" t="s">
        <v>11</v>
      </c>
      <c r="M116" s="103" t="s">
        <v>26</v>
      </c>
      <c r="N116" s="103"/>
      <c r="O116" s="103"/>
      <c r="P116" s="103"/>
      <c r="Q116" s="105"/>
      <c r="R116" s="105"/>
      <c r="S116" s="105"/>
      <c r="T116" s="105"/>
      <c r="U116" s="105"/>
      <c r="V116" s="105"/>
      <c r="W116" s="105"/>
      <c r="X116" s="106"/>
      <c r="Y116" s="107"/>
      <c r="Z116" s="107"/>
      <c r="AA116" s="107"/>
      <c r="AB116" s="108"/>
      <c r="AC116" s="109"/>
      <c r="AD116" s="107"/>
      <c r="AE116" s="107"/>
      <c r="AF116" s="108"/>
    </row>
    <row r="117" spans="1:32" ht="18.75" customHeight="1" x14ac:dyDescent="0.4">
      <c r="A117" s="122"/>
      <c r="B117" s="123"/>
      <c r="C117" s="124"/>
      <c r="D117" s="125"/>
      <c r="E117" s="25"/>
      <c r="F117" s="157"/>
      <c r="G117" s="126"/>
      <c r="H117" s="127" t="s">
        <v>128</v>
      </c>
      <c r="I117" s="128" t="s">
        <v>11</v>
      </c>
      <c r="J117" s="110" t="s">
        <v>129</v>
      </c>
      <c r="K117" s="158"/>
      <c r="L117" s="129"/>
      <c r="M117" s="130" t="s">
        <v>11</v>
      </c>
      <c r="N117" s="110" t="s">
        <v>130</v>
      </c>
      <c r="O117" s="111"/>
      <c r="P117" s="111"/>
      <c r="Q117" s="111"/>
      <c r="R117" s="111"/>
      <c r="S117" s="111"/>
      <c r="T117" s="111"/>
      <c r="U117" s="111"/>
      <c r="V117" s="111"/>
      <c r="W117" s="111"/>
      <c r="X117" s="112"/>
      <c r="Y117" s="156" t="s">
        <v>11</v>
      </c>
      <c r="Z117" s="23" t="s">
        <v>23</v>
      </c>
      <c r="AA117" s="23"/>
      <c r="AB117" s="60"/>
      <c r="AC117" s="156" t="s">
        <v>11</v>
      </c>
      <c r="AD117" s="23" t="s">
        <v>23</v>
      </c>
      <c r="AE117" s="23"/>
      <c r="AF117" s="60"/>
    </row>
    <row r="118" spans="1:32" ht="18.75" customHeight="1" x14ac:dyDescent="0.4">
      <c r="A118" s="45"/>
      <c r="B118" s="46"/>
      <c r="C118" s="61"/>
      <c r="D118" s="50"/>
      <c r="E118" s="49"/>
      <c r="F118" s="159"/>
      <c r="G118" s="62"/>
      <c r="H118" s="81" t="s">
        <v>70</v>
      </c>
      <c r="I118" s="53" t="s">
        <v>11</v>
      </c>
      <c r="J118" s="54" t="s">
        <v>25</v>
      </c>
      <c r="K118" s="54"/>
      <c r="L118" s="56"/>
      <c r="M118" s="57" t="s">
        <v>11</v>
      </c>
      <c r="N118" s="54" t="s">
        <v>131</v>
      </c>
      <c r="O118" s="54"/>
      <c r="P118" s="56"/>
      <c r="Q118" s="55"/>
      <c r="R118" s="55"/>
      <c r="S118" s="55"/>
      <c r="T118" s="55"/>
      <c r="U118" s="55"/>
      <c r="V118" s="55"/>
      <c r="W118" s="55"/>
      <c r="X118" s="84"/>
      <c r="Y118" s="85" t="s">
        <v>11</v>
      </c>
      <c r="Z118" s="67" t="s">
        <v>27</v>
      </c>
      <c r="AA118" s="68"/>
      <c r="AB118" s="69"/>
      <c r="AC118" s="85" t="s">
        <v>11</v>
      </c>
      <c r="AD118" s="67" t="s">
        <v>27</v>
      </c>
      <c r="AE118" s="68"/>
      <c r="AF118" s="69"/>
    </row>
    <row r="119" spans="1:32" ht="18.75" customHeight="1" x14ac:dyDescent="0.4">
      <c r="A119" s="45"/>
      <c r="B119" s="46"/>
      <c r="C119" s="61"/>
      <c r="D119" s="50"/>
      <c r="E119" s="49"/>
      <c r="F119" s="159"/>
      <c r="G119" s="62"/>
      <c r="H119" s="86" t="s">
        <v>132</v>
      </c>
      <c r="I119" s="53" t="s">
        <v>11</v>
      </c>
      <c r="J119" s="54" t="s">
        <v>21</v>
      </c>
      <c r="K119" s="55"/>
      <c r="L119" s="56"/>
      <c r="M119" s="57" t="s">
        <v>11</v>
      </c>
      <c r="N119" s="54" t="s">
        <v>133</v>
      </c>
      <c r="O119" s="58"/>
      <c r="P119" s="58"/>
      <c r="Q119" s="55"/>
      <c r="R119" s="55"/>
      <c r="S119" s="55"/>
      <c r="T119" s="55"/>
      <c r="U119" s="55"/>
      <c r="V119" s="55"/>
      <c r="W119" s="55"/>
      <c r="X119" s="84"/>
      <c r="Y119" s="80"/>
      <c r="Z119" s="68"/>
      <c r="AA119" s="68"/>
      <c r="AB119" s="69"/>
      <c r="AC119" s="80"/>
      <c r="AD119" s="68"/>
      <c r="AE119" s="68"/>
      <c r="AF119" s="69"/>
    </row>
    <row r="120" spans="1:32" ht="19.5" customHeight="1" x14ac:dyDescent="0.4">
      <c r="A120" s="45"/>
      <c r="B120" s="46"/>
      <c r="C120" s="47"/>
      <c r="D120" s="48"/>
      <c r="E120" s="49"/>
      <c r="F120" s="50"/>
      <c r="G120" s="51"/>
      <c r="H120" s="88" t="s">
        <v>20</v>
      </c>
      <c r="I120" s="53" t="s">
        <v>11</v>
      </c>
      <c r="J120" s="54" t="s">
        <v>21</v>
      </c>
      <c r="K120" s="55"/>
      <c r="L120" s="56"/>
      <c r="M120" s="57" t="s">
        <v>11</v>
      </c>
      <c r="N120" s="54" t="s">
        <v>22</v>
      </c>
      <c r="O120" s="57"/>
      <c r="P120" s="54"/>
      <c r="Q120" s="58"/>
      <c r="R120" s="58"/>
      <c r="S120" s="58"/>
      <c r="T120" s="58"/>
      <c r="U120" s="58"/>
      <c r="V120" s="58"/>
      <c r="W120" s="58"/>
      <c r="X120" s="59"/>
      <c r="Y120" s="68"/>
      <c r="Z120" s="68"/>
      <c r="AA120" s="68"/>
      <c r="AB120" s="69"/>
      <c r="AC120" s="80"/>
      <c r="AD120" s="68"/>
      <c r="AE120" s="68"/>
      <c r="AF120" s="69"/>
    </row>
    <row r="121" spans="1:32" ht="19.5" customHeight="1" x14ac:dyDescent="0.4">
      <c r="A121" s="45"/>
      <c r="B121" s="46"/>
      <c r="C121" s="47"/>
      <c r="D121" s="48"/>
      <c r="E121" s="49"/>
      <c r="F121" s="50"/>
      <c r="G121" s="51"/>
      <c r="H121" s="88" t="s">
        <v>73</v>
      </c>
      <c r="I121" s="53" t="s">
        <v>11</v>
      </c>
      <c r="J121" s="54" t="s">
        <v>21</v>
      </c>
      <c r="K121" s="55"/>
      <c r="L121" s="56"/>
      <c r="M121" s="57" t="s">
        <v>11</v>
      </c>
      <c r="N121" s="54" t="s">
        <v>22</v>
      </c>
      <c r="O121" s="57"/>
      <c r="P121" s="54"/>
      <c r="Q121" s="58"/>
      <c r="R121" s="58"/>
      <c r="S121" s="58"/>
      <c r="T121" s="58"/>
      <c r="U121" s="58"/>
      <c r="V121" s="58"/>
      <c r="W121" s="58"/>
      <c r="X121" s="59"/>
      <c r="Y121" s="68"/>
      <c r="Z121" s="68"/>
      <c r="AA121" s="68"/>
      <c r="AB121" s="69"/>
      <c r="AC121" s="80"/>
      <c r="AD121" s="68"/>
      <c r="AE121" s="68"/>
      <c r="AF121" s="69"/>
    </row>
    <row r="122" spans="1:32" ht="18.75" customHeight="1" x14ac:dyDescent="0.4">
      <c r="A122" s="45"/>
      <c r="B122" s="46"/>
      <c r="C122" s="61"/>
      <c r="D122" s="50"/>
      <c r="E122" s="49"/>
      <c r="F122" s="159"/>
      <c r="G122" s="62"/>
      <c r="H122" s="160" t="s">
        <v>134</v>
      </c>
      <c r="I122" s="71" t="s">
        <v>11</v>
      </c>
      <c r="J122" s="72" t="s">
        <v>25</v>
      </c>
      <c r="K122" s="72"/>
      <c r="L122" s="71" t="s">
        <v>11</v>
      </c>
      <c r="M122" s="72" t="s">
        <v>26</v>
      </c>
      <c r="N122" s="72"/>
      <c r="O122" s="83"/>
      <c r="P122" s="83"/>
      <c r="Q122" s="83"/>
      <c r="R122" s="83"/>
      <c r="S122" s="83"/>
      <c r="T122" s="83"/>
      <c r="U122" s="83"/>
      <c r="V122" s="83"/>
      <c r="W122" s="83"/>
      <c r="X122" s="149"/>
      <c r="Y122" s="80"/>
      <c r="Z122" s="68"/>
      <c r="AA122" s="68"/>
      <c r="AB122" s="69"/>
      <c r="AC122" s="80"/>
      <c r="AD122" s="68"/>
      <c r="AE122" s="68"/>
      <c r="AF122" s="69"/>
    </row>
    <row r="123" spans="1:32" ht="18.75" customHeight="1" x14ac:dyDescent="0.4">
      <c r="A123" s="45"/>
      <c r="B123" s="46"/>
      <c r="C123" s="61"/>
      <c r="D123" s="50"/>
      <c r="E123" s="49"/>
      <c r="F123" s="159"/>
      <c r="G123" s="62"/>
      <c r="H123" s="161"/>
      <c r="I123" s="76"/>
      <c r="J123" s="77"/>
      <c r="K123" s="77"/>
      <c r="L123" s="76"/>
      <c r="M123" s="77"/>
      <c r="N123" s="77"/>
      <c r="O123" s="64"/>
      <c r="P123" s="64"/>
      <c r="Q123" s="64"/>
      <c r="R123" s="64"/>
      <c r="S123" s="64"/>
      <c r="T123" s="64"/>
      <c r="U123" s="64"/>
      <c r="V123" s="64"/>
      <c r="W123" s="64"/>
      <c r="X123" s="66"/>
      <c r="Y123" s="80"/>
      <c r="Z123" s="68"/>
      <c r="AA123" s="68"/>
      <c r="AB123" s="69"/>
      <c r="AC123" s="80"/>
      <c r="AD123" s="68"/>
      <c r="AE123" s="68"/>
      <c r="AF123" s="69"/>
    </row>
    <row r="124" spans="1:32" ht="18.75" customHeight="1" x14ac:dyDescent="0.4">
      <c r="A124" s="45"/>
      <c r="B124" s="46"/>
      <c r="C124" s="61"/>
      <c r="D124" s="50"/>
      <c r="E124" s="49"/>
      <c r="F124" s="159"/>
      <c r="G124" s="62"/>
      <c r="H124" s="81" t="s">
        <v>135</v>
      </c>
      <c r="I124" s="93" t="s">
        <v>11</v>
      </c>
      <c r="J124" s="54" t="s">
        <v>25</v>
      </c>
      <c r="K124" s="54"/>
      <c r="L124" s="57" t="s">
        <v>11</v>
      </c>
      <c r="M124" s="54" t="s">
        <v>45</v>
      </c>
      <c r="N124" s="54"/>
      <c r="O124" s="82" t="s">
        <v>11</v>
      </c>
      <c r="P124" s="54" t="s">
        <v>46</v>
      </c>
      <c r="Q124" s="89"/>
      <c r="R124" s="89"/>
      <c r="S124" s="89"/>
      <c r="T124" s="89"/>
      <c r="U124" s="89"/>
      <c r="V124" s="89"/>
      <c r="W124" s="89"/>
      <c r="X124" s="113"/>
      <c r="Y124" s="80"/>
      <c r="Z124" s="68"/>
      <c r="AA124" s="68"/>
      <c r="AB124" s="69"/>
      <c r="AC124" s="80"/>
      <c r="AD124" s="68"/>
      <c r="AE124" s="68"/>
      <c r="AF124" s="69"/>
    </row>
    <row r="125" spans="1:32" ht="18.75" customHeight="1" x14ac:dyDescent="0.4">
      <c r="A125" s="45"/>
      <c r="B125" s="46"/>
      <c r="C125" s="61"/>
      <c r="D125" s="50"/>
      <c r="E125" s="49"/>
      <c r="F125" s="159"/>
      <c r="G125" s="62"/>
      <c r="H125" s="81" t="s">
        <v>110</v>
      </c>
      <c r="I125" s="53" t="s">
        <v>11</v>
      </c>
      <c r="J125" s="54" t="s">
        <v>25</v>
      </c>
      <c r="K125" s="55"/>
      <c r="L125" s="57" t="s">
        <v>11</v>
      </c>
      <c r="M125" s="54" t="s">
        <v>26</v>
      </c>
      <c r="N125" s="89"/>
      <c r="O125" s="89"/>
      <c r="P125" s="89"/>
      <c r="Q125" s="89"/>
      <c r="R125" s="89"/>
      <c r="S125" s="89"/>
      <c r="T125" s="89"/>
      <c r="U125" s="89"/>
      <c r="V125" s="89"/>
      <c r="W125" s="89"/>
      <c r="X125" s="113"/>
      <c r="Y125" s="80"/>
      <c r="Z125" s="68"/>
      <c r="AA125" s="68"/>
      <c r="AB125" s="69"/>
      <c r="AC125" s="80"/>
      <c r="AD125" s="68"/>
      <c r="AE125" s="68"/>
      <c r="AF125" s="69"/>
    </row>
    <row r="126" spans="1:32" ht="18.75" customHeight="1" x14ac:dyDescent="0.4">
      <c r="A126" s="45"/>
      <c r="B126" s="46"/>
      <c r="C126" s="61"/>
      <c r="D126" s="50"/>
      <c r="E126" s="49"/>
      <c r="F126" s="159"/>
      <c r="G126" s="62"/>
      <c r="H126" s="86" t="s">
        <v>136</v>
      </c>
      <c r="I126" s="53" t="s">
        <v>11</v>
      </c>
      <c r="J126" s="54" t="s">
        <v>38</v>
      </c>
      <c r="K126" s="55"/>
      <c r="L126" s="56"/>
      <c r="M126" s="57" t="s">
        <v>11</v>
      </c>
      <c r="N126" s="54" t="s">
        <v>39</v>
      </c>
      <c r="O126" s="58"/>
      <c r="P126" s="58"/>
      <c r="Q126" s="58"/>
      <c r="R126" s="58"/>
      <c r="S126" s="58"/>
      <c r="T126" s="58"/>
      <c r="U126" s="58"/>
      <c r="V126" s="58"/>
      <c r="W126" s="58"/>
      <c r="X126" s="59"/>
      <c r="Y126" s="80"/>
      <c r="Z126" s="68"/>
      <c r="AA126" s="68"/>
      <c r="AB126" s="69"/>
      <c r="AC126" s="80"/>
      <c r="AD126" s="68"/>
      <c r="AE126" s="68"/>
      <c r="AF126" s="69"/>
    </row>
    <row r="127" spans="1:32" ht="18.75" customHeight="1" x14ac:dyDescent="0.4">
      <c r="A127" s="45"/>
      <c r="B127" s="46"/>
      <c r="C127" s="61"/>
      <c r="D127" s="50"/>
      <c r="E127" s="49"/>
      <c r="F127" s="159"/>
      <c r="G127" s="62"/>
      <c r="H127" s="81" t="s">
        <v>137</v>
      </c>
      <c r="I127" s="53" t="s">
        <v>11</v>
      </c>
      <c r="J127" s="54" t="s">
        <v>25</v>
      </c>
      <c r="K127" s="55"/>
      <c r="L127" s="57" t="s">
        <v>11</v>
      </c>
      <c r="M127" s="54" t="s">
        <v>26</v>
      </c>
      <c r="N127" s="89"/>
      <c r="O127" s="89"/>
      <c r="P127" s="89"/>
      <c r="Q127" s="89"/>
      <c r="R127" s="89"/>
      <c r="S127" s="89"/>
      <c r="T127" s="89"/>
      <c r="U127" s="89"/>
      <c r="V127" s="89"/>
      <c r="W127" s="89"/>
      <c r="X127" s="113"/>
      <c r="Y127" s="80"/>
      <c r="Z127" s="68"/>
      <c r="AA127" s="68"/>
      <c r="AB127" s="69"/>
      <c r="AC127" s="80"/>
      <c r="AD127" s="68"/>
      <c r="AE127" s="68"/>
      <c r="AF127" s="69"/>
    </row>
    <row r="128" spans="1:32" ht="18.75" customHeight="1" x14ac:dyDescent="0.4">
      <c r="A128" s="85" t="s">
        <v>11</v>
      </c>
      <c r="B128" s="46">
        <v>32</v>
      </c>
      <c r="C128" s="61" t="s">
        <v>138</v>
      </c>
      <c r="D128" s="85" t="s">
        <v>11</v>
      </c>
      <c r="E128" s="49" t="s">
        <v>62</v>
      </c>
      <c r="F128" s="159"/>
      <c r="G128" s="62"/>
      <c r="H128" s="81" t="s">
        <v>139</v>
      </c>
      <c r="I128" s="93" t="s">
        <v>11</v>
      </c>
      <c r="J128" s="54" t="s">
        <v>25</v>
      </c>
      <c r="K128" s="54"/>
      <c r="L128" s="57" t="s">
        <v>11</v>
      </c>
      <c r="M128" s="54" t="s">
        <v>89</v>
      </c>
      <c r="N128" s="54"/>
      <c r="O128" s="82"/>
      <c r="P128" s="82" t="s">
        <v>11</v>
      </c>
      <c r="Q128" s="54" t="s">
        <v>90</v>
      </c>
      <c r="R128" s="82"/>
      <c r="S128" s="54"/>
      <c r="T128" s="82" t="s">
        <v>11</v>
      </c>
      <c r="U128" s="54" t="s">
        <v>140</v>
      </c>
      <c r="V128" s="89"/>
      <c r="W128" s="89"/>
      <c r="X128" s="113"/>
      <c r="Y128" s="80"/>
      <c r="Z128" s="68"/>
      <c r="AA128" s="68"/>
      <c r="AB128" s="69"/>
      <c r="AC128" s="80"/>
      <c r="AD128" s="68"/>
      <c r="AE128" s="68"/>
      <c r="AF128" s="69"/>
    </row>
    <row r="129" spans="1:32" ht="18.75" customHeight="1" x14ac:dyDescent="0.4">
      <c r="A129" s="45"/>
      <c r="B129" s="46"/>
      <c r="C129" s="61" t="s">
        <v>141</v>
      </c>
      <c r="D129" s="85" t="s">
        <v>11</v>
      </c>
      <c r="E129" s="49" t="s">
        <v>63</v>
      </c>
      <c r="F129" s="159"/>
      <c r="G129" s="62"/>
      <c r="H129" s="81" t="s">
        <v>142</v>
      </c>
      <c r="I129" s="93" t="s">
        <v>11</v>
      </c>
      <c r="J129" s="54" t="s">
        <v>25</v>
      </c>
      <c r="K129" s="54"/>
      <c r="L129" s="57" t="s">
        <v>11</v>
      </c>
      <c r="M129" s="64" t="s">
        <v>26</v>
      </c>
      <c r="N129" s="54"/>
      <c r="O129" s="82"/>
      <c r="P129" s="82"/>
      <c r="Q129" s="82"/>
      <c r="R129" s="82"/>
      <c r="S129" s="82"/>
      <c r="T129" s="82"/>
      <c r="U129" s="82"/>
      <c r="V129" s="82"/>
      <c r="W129" s="82"/>
      <c r="X129" s="113"/>
      <c r="Y129" s="80"/>
      <c r="Z129" s="68"/>
      <c r="AA129" s="68"/>
      <c r="AB129" s="69"/>
      <c r="AC129" s="80"/>
      <c r="AD129" s="68"/>
      <c r="AE129" s="68"/>
      <c r="AF129" s="69"/>
    </row>
    <row r="130" spans="1:32" ht="18.75" customHeight="1" x14ac:dyDescent="0.4">
      <c r="A130" s="45"/>
      <c r="B130" s="46"/>
      <c r="C130" s="162"/>
      <c r="D130" s="85" t="s">
        <v>11</v>
      </c>
      <c r="E130" s="49" t="s">
        <v>143</v>
      </c>
      <c r="F130" s="159"/>
      <c r="G130" s="62"/>
      <c r="H130" s="81" t="s">
        <v>44</v>
      </c>
      <c r="I130" s="53" t="s">
        <v>11</v>
      </c>
      <c r="J130" s="54" t="s">
        <v>25</v>
      </c>
      <c r="K130" s="54"/>
      <c r="L130" s="57" t="s">
        <v>11</v>
      </c>
      <c r="M130" s="54" t="s">
        <v>45</v>
      </c>
      <c r="N130" s="54"/>
      <c r="O130" s="57" t="s">
        <v>11</v>
      </c>
      <c r="P130" s="54" t="s">
        <v>46</v>
      </c>
      <c r="Q130" s="89"/>
      <c r="R130" s="89"/>
      <c r="S130" s="89"/>
      <c r="T130" s="89"/>
      <c r="U130" s="89"/>
      <c r="V130" s="89"/>
      <c r="W130" s="89"/>
      <c r="X130" s="113"/>
      <c r="Y130" s="80"/>
      <c r="Z130" s="68"/>
      <c r="AA130" s="68"/>
      <c r="AB130" s="69"/>
      <c r="AC130" s="80"/>
      <c r="AD130" s="68"/>
      <c r="AE130" s="68"/>
      <c r="AF130" s="69"/>
    </row>
    <row r="131" spans="1:32" ht="18.75" customHeight="1" x14ac:dyDescent="0.4">
      <c r="A131" s="45"/>
      <c r="B131" s="46"/>
      <c r="C131" s="162"/>
      <c r="D131" s="85" t="s">
        <v>11</v>
      </c>
      <c r="E131" s="49" t="s">
        <v>144</v>
      </c>
      <c r="F131" s="159"/>
      <c r="G131" s="62"/>
      <c r="H131" s="151" t="s">
        <v>145</v>
      </c>
      <c r="I131" s="53" t="s">
        <v>11</v>
      </c>
      <c r="J131" s="54" t="s">
        <v>25</v>
      </c>
      <c r="K131" s="54"/>
      <c r="L131" s="57" t="s">
        <v>11</v>
      </c>
      <c r="M131" s="54" t="s">
        <v>45</v>
      </c>
      <c r="N131" s="54"/>
      <c r="O131" s="57" t="s">
        <v>11</v>
      </c>
      <c r="P131" s="54" t="s">
        <v>46</v>
      </c>
      <c r="Q131" s="55"/>
      <c r="R131" s="55"/>
      <c r="S131" s="55"/>
      <c r="T131" s="55"/>
      <c r="U131" s="55"/>
      <c r="V131" s="55"/>
      <c r="W131" s="55"/>
      <c r="X131" s="84"/>
      <c r="Y131" s="80"/>
      <c r="Z131" s="68"/>
      <c r="AA131" s="68"/>
      <c r="AB131" s="69"/>
      <c r="AC131" s="80"/>
      <c r="AD131" s="68"/>
      <c r="AE131" s="68"/>
      <c r="AF131" s="69"/>
    </row>
    <row r="132" spans="1:32" ht="18.75" customHeight="1" x14ac:dyDescent="0.4">
      <c r="A132" s="45"/>
      <c r="B132" s="46"/>
      <c r="C132" s="61"/>
      <c r="D132" s="50"/>
      <c r="E132" s="49"/>
      <c r="F132" s="159"/>
      <c r="G132" s="62"/>
      <c r="H132" s="91" t="s">
        <v>97</v>
      </c>
      <c r="I132" s="53" t="s">
        <v>11</v>
      </c>
      <c r="J132" s="54" t="s">
        <v>25</v>
      </c>
      <c r="K132" s="55"/>
      <c r="L132" s="57" t="s">
        <v>11</v>
      </c>
      <c r="M132" s="54" t="s">
        <v>26</v>
      </c>
      <c r="N132" s="89"/>
      <c r="O132" s="89"/>
      <c r="P132" s="89"/>
      <c r="Q132" s="89"/>
      <c r="R132" s="89"/>
      <c r="S132" s="89"/>
      <c r="T132" s="89"/>
      <c r="U132" s="89"/>
      <c r="V132" s="89"/>
      <c r="W132" s="89"/>
      <c r="X132" s="113"/>
      <c r="Y132" s="80"/>
      <c r="Z132" s="68"/>
      <c r="AA132" s="68"/>
      <c r="AB132" s="69"/>
      <c r="AC132" s="80"/>
      <c r="AD132" s="68"/>
      <c r="AE132" s="68"/>
      <c r="AF132" s="69"/>
    </row>
    <row r="133" spans="1:32" ht="18.75" customHeight="1" x14ac:dyDescent="0.4">
      <c r="A133" s="45"/>
      <c r="B133" s="46"/>
      <c r="C133" s="61"/>
      <c r="D133" s="50"/>
      <c r="E133" s="49"/>
      <c r="F133" s="50"/>
      <c r="G133" s="49"/>
      <c r="H133" s="151" t="s">
        <v>146</v>
      </c>
      <c r="I133" s="53" t="s">
        <v>11</v>
      </c>
      <c r="J133" s="54" t="s">
        <v>25</v>
      </c>
      <c r="K133" s="54"/>
      <c r="L133" s="57" t="s">
        <v>11</v>
      </c>
      <c r="M133" s="64" t="s">
        <v>26</v>
      </c>
      <c r="N133" s="54"/>
      <c r="O133" s="54"/>
      <c r="P133" s="54"/>
      <c r="Q133" s="55"/>
      <c r="R133" s="55"/>
      <c r="S133" s="55"/>
      <c r="T133" s="55"/>
      <c r="U133" s="55"/>
      <c r="V133" s="55"/>
      <c r="W133" s="55"/>
      <c r="X133" s="84"/>
      <c r="Y133" s="80"/>
      <c r="Z133" s="68"/>
      <c r="AA133" s="68"/>
      <c r="AB133" s="69"/>
      <c r="AC133" s="80"/>
      <c r="AD133" s="68"/>
      <c r="AE133" s="68"/>
      <c r="AF133" s="69"/>
    </row>
    <row r="134" spans="1:32" ht="18.75" customHeight="1" x14ac:dyDescent="0.4">
      <c r="A134" s="45"/>
      <c r="B134" s="46"/>
      <c r="C134" s="61"/>
      <c r="D134" s="50"/>
      <c r="E134" s="49"/>
      <c r="F134" s="50"/>
      <c r="G134" s="49"/>
      <c r="H134" s="151" t="s">
        <v>147</v>
      </c>
      <c r="I134" s="53" t="s">
        <v>11</v>
      </c>
      <c r="J134" s="54" t="s">
        <v>25</v>
      </c>
      <c r="K134" s="54"/>
      <c r="L134" s="57" t="s">
        <v>11</v>
      </c>
      <c r="M134" s="64" t="s">
        <v>26</v>
      </c>
      <c r="N134" s="54"/>
      <c r="O134" s="54"/>
      <c r="P134" s="54"/>
      <c r="Q134" s="55"/>
      <c r="R134" s="55"/>
      <c r="S134" s="55"/>
      <c r="T134" s="55"/>
      <c r="U134" s="55"/>
      <c r="V134" s="55"/>
      <c r="W134" s="55"/>
      <c r="X134" s="84"/>
      <c r="Y134" s="80"/>
      <c r="Z134" s="68"/>
      <c r="AA134" s="68"/>
      <c r="AB134" s="69"/>
      <c r="AC134" s="80"/>
      <c r="AD134" s="68"/>
      <c r="AE134" s="68"/>
      <c r="AF134" s="69"/>
    </row>
    <row r="135" spans="1:32" ht="18.75" customHeight="1" x14ac:dyDescent="0.4">
      <c r="A135" s="45"/>
      <c r="B135" s="46"/>
      <c r="C135" s="61"/>
      <c r="D135" s="50"/>
      <c r="E135" s="49"/>
      <c r="F135" s="159"/>
      <c r="G135" s="62"/>
      <c r="H135" s="155" t="s">
        <v>125</v>
      </c>
      <c r="I135" s="53" t="s">
        <v>11</v>
      </c>
      <c r="J135" s="54" t="s">
        <v>25</v>
      </c>
      <c r="K135" s="54"/>
      <c r="L135" s="57" t="s">
        <v>11</v>
      </c>
      <c r="M135" s="54" t="s">
        <v>45</v>
      </c>
      <c r="N135" s="54"/>
      <c r="O135" s="57" t="s">
        <v>11</v>
      </c>
      <c r="P135" s="54" t="s">
        <v>46</v>
      </c>
      <c r="Q135" s="58"/>
      <c r="R135" s="58"/>
      <c r="S135" s="58"/>
      <c r="T135" s="58"/>
      <c r="U135" s="94"/>
      <c r="V135" s="94"/>
      <c r="W135" s="94"/>
      <c r="X135" s="95"/>
      <c r="Y135" s="80"/>
      <c r="Z135" s="68"/>
      <c r="AA135" s="68"/>
      <c r="AB135" s="69"/>
      <c r="AC135" s="80"/>
      <c r="AD135" s="68"/>
      <c r="AE135" s="68"/>
      <c r="AF135" s="69"/>
    </row>
    <row r="136" spans="1:32" ht="18.75" customHeight="1" x14ac:dyDescent="0.4">
      <c r="A136" s="45"/>
      <c r="B136" s="46"/>
      <c r="C136" s="61"/>
      <c r="D136" s="50"/>
      <c r="E136" s="49"/>
      <c r="F136" s="159"/>
      <c r="G136" s="62"/>
      <c r="H136" s="81" t="s">
        <v>48</v>
      </c>
      <c r="I136" s="53" t="s">
        <v>11</v>
      </c>
      <c r="J136" s="54" t="s">
        <v>25</v>
      </c>
      <c r="K136" s="54"/>
      <c r="L136" s="57" t="s">
        <v>11</v>
      </c>
      <c r="M136" s="54" t="s">
        <v>49</v>
      </c>
      <c r="N136" s="54"/>
      <c r="O136" s="57" t="s">
        <v>11</v>
      </c>
      <c r="P136" s="54" t="s">
        <v>50</v>
      </c>
      <c r="Q136" s="89"/>
      <c r="R136" s="57" t="s">
        <v>11</v>
      </c>
      <c r="S136" s="54" t="s">
        <v>51</v>
      </c>
      <c r="T136" s="89"/>
      <c r="U136" s="89"/>
      <c r="V136" s="89"/>
      <c r="W136" s="89"/>
      <c r="X136" s="113"/>
      <c r="Y136" s="80"/>
      <c r="Z136" s="68"/>
      <c r="AA136" s="68"/>
      <c r="AB136" s="69"/>
      <c r="AC136" s="80"/>
      <c r="AD136" s="68"/>
      <c r="AE136" s="68"/>
      <c r="AF136" s="69"/>
    </row>
    <row r="137" spans="1:32" ht="18.75" customHeight="1" x14ac:dyDescent="0.4">
      <c r="A137" s="45"/>
      <c r="B137" s="46"/>
      <c r="C137" s="47"/>
      <c r="D137" s="48"/>
      <c r="E137" s="49"/>
      <c r="F137" s="50"/>
      <c r="G137" s="51"/>
      <c r="H137" s="91" t="s">
        <v>52</v>
      </c>
      <c r="I137" s="53" t="s">
        <v>11</v>
      </c>
      <c r="J137" s="54" t="s">
        <v>25</v>
      </c>
      <c r="K137" s="54"/>
      <c r="L137" s="57" t="s">
        <v>11</v>
      </c>
      <c r="M137" s="54" t="s">
        <v>49</v>
      </c>
      <c r="N137" s="54"/>
      <c r="O137" s="57" t="s">
        <v>11</v>
      </c>
      <c r="P137" s="54" t="s">
        <v>50</v>
      </c>
      <c r="Q137" s="54"/>
      <c r="R137" s="57" t="s">
        <v>11</v>
      </c>
      <c r="S137" s="54" t="s">
        <v>53</v>
      </c>
      <c r="T137" s="54"/>
      <c r="U137" s="58"/>
      <c r="V137" s="58"/>
      <c r="W137" s="58"/>
      <c r="X137" s="59"/>
      <c r="Y137" s="68"/>
      <c r="Z137" s="68"/>
      <c r="AA137" s="68"/>
      <c r="AB137" s="69"/>
      <c r="AC137" s="80"/>
      <c r="AD137" s="68"/>
      <c r="AE137" s="68"/>
      <c r="AF137" s="69"/>
    </row>
    <row r="138" spans="1:32" ht="18.75" customHeight="1" x14ac:dyDescent="0.4">
      <c r="A138" s="45"/>
      <c r="B138" s="46"/>
      <c r="C138" s="47"/>
      <c r="D138" s="48"/>
      <c r="E138" s="49"/>
      <c r="F138" s="50"/>
      <c r="G138" s="51"/>
      <c r="H138" s="92" t="s">
        <v>54</v>
      </c>
      <c r="I138" s="93" t="s">
        <v>11</v>
      </c>
      <c r="J138" s="83" t="s">
        <v>55</v>
      </c>
      <c r="K138" s="83"/>
      <c r="L138" s="82" t="s">
        <v>11</v>
      </c>
      <c r="M138" s="83" t="s">
        <v>56</v>
      </c>
      <c r="N138" s="83"/>
      <c r="O138" s="82" t="s">
        <v>11</v>
      </c>
      <c r="P138" s="83" t="s">
        <v>57</v>
      </c>
      <c r="Q138" s="83"/>
      <c r="R138" s="82"/>
      <c r="S138" s="83"/>
      <c r="T138" s="83"/>
      <c r="U138" s="94"/>
      <c r="V138" s="94"/>
      <c r="W138" s="94"/>
      <c r="X138" s="95"/>
      <c r="Y138" s="68"/>
      <c r="Z138" s="68"/>
      <c r="AA138" s="68"/>
      <c r="AB138" s="69"/>
      <c r="AC138" s="80"/>
      <c r="AD138" s="68"/>
      <c r="AE138" s="68"/>
      <c r="AF138" s="69"/>
    </row>
    <row r="139" spans="1:32" ht="19.5" customHeight="1" x14ac:dyDescent="0.4">
      <c r="A139" s="96"/>
      <c r="B139" s="97"/>
      <c r="C139" s="98"/>
      <c r="D139" s="34"/>
      <c r="E139" s="41"/>
      <c r="F139" s="99"/>
      <c r="G139" s="100"/>
      <c r="H139" s="101" t="s">
        <v>58</v>
      </c>
      <c r="I139" s="102" t="s">
        <v>11</v>
      </c>
      <c r="J139" s="103" t="s">
        <v>25</v>
      </c>
      <c r="K139" s="103"/>
      <c r="L139" s="104" t="s">
        <v>11</v>
      </c>
      <c r="M139" s="103" t="s">
        <v>26</v>
      </c>
      <c r="N139" s="103"/>
      <c r="O139" s="103"/>
      <c r="P139" s="103"/>
      <c r="Q139" s="105"/>
      <c r="R139" s="105"/>
      <c r="S139" s="105"/>
      <c r="T139" s="105"/>
      <c r="U139" s="105"/>
      <c r="V139" s="105"/>
      <c r="W139" s="105"/>
      <c r="X139" s="106"/>
      <c r="Y139" s="107"/>
      <c r="Z139" s="107"/>
      <c r="AA139" s="107"/>
      <c r="AB139" s="108"/>
      <c r="AC139" s="109"/>
      <c r="AD139" s="107"/>
      <c r="AE139" s="107"/>
      <c r="AF139" s="108"/>
    </row>
    <row r="140" spans="1:32" ht="18.75" customHeight="1" x14ac:dyDescent="0.4">
      <c r="A140" s="122"/>
      <c r="B140" s="123"/>
      <c r="C140" s="124"/>
      <c r="D140" s="125"/>
      <c r="E140" s="25"/>
      <c r="F140" s="157"/>
      <c r="G140" s="126"/>
      <c r="H140" s="127" t="s">
        <v>128</v>
      </c>
      <c r="I140" s="128" t="s">
        <v>11</v>
      </c>
      <c r="J140" s="110" t="s">
        <v>129</v>
      </c>
      <c r="K140" s="158"/>
      <c r="L140" s="129"/>
      <c r="M140" s="130" t="s">
        <v>11</v>
      </c>
      <c r="N140" s="110" t="s">
        <v>130</v>
      </c>
      <c r="O140" s="111"/>
      <c r="P140" s="111"/>
      <c r="Q140" s="111"/>
      <c r="R140" s="111"/>
      <c r="S140" s="111"/>
      <c r="T140" s="111"/>
      <c r="U140" s="111"/>
      <c r="V140" s="111"/>
      <c r="W140" s="111"/>
      <c r="X140" s="112"/>
      <c r="Y140" s="156" t="s">
        <v>11</v>
      </c>
      <c r="Z140" s="23" t="s">
        <v>23</v>
      </c>
      <c r="AA140" s="23"/>
      <c r="AB140" s="60"/>
      <c r="AC140" s="156" t="s">
        <v>11</v>
      </c>
      <c r="AD140" s="23" t="s">
        <v>23</v>
      </c>
      <c r="AE140" s="23"/>
      <c r="AF140" s="60"/>
    </row>
    <row r="141" spans="1:32" ht="18.75" customHeight="1" x14ac:dyDescent="0.4">
      <c r="A141" s="45"/>
      <c r="B141" s="46"/>
      <c r="C141" s="61"/>
      <c r="D141" s="50"/>
      <c r="E141" s="49"/>
      <c r="F141" s="159"/>
      <c r="G141" s="62"/>
      <c r="H141" s="81" t="s">
        <v>70</v>
      </c>
      <c r="I141" s="53" t="s">
        <v>11</v>
      </c>
      <c r="J141" s="54" t="s">
        <v>25</v>
      </c>
      <c r="K141" s="54"/>
      <c r="L141" s="56"/>
      <c r="M141" s="57" t="s">
        <v>11</v>
      </c>
      <c r="N141" s="54" t="s">
        <v>131</v>
      </c>
      <c r="O141" s="54"/>
      <c r="P141" s="56"/>
      <c r="Q141" s="55"/>
      <c r="R141" s="55"/>
      <c r="S141" s="55"/>
      <c r="T141" s="55"/>
      <c r="U141" s="55"/>
      <c r="V141" s="55"/>
      <c r="W141" s="55"/>
      <c r="X141" s="84"/>
      <c r="Y141" s="85" t="s">
        <v>11</v>
      </c>
      <c r="Z141" s="67" t="s">
        <v>27</v>
      </c>
      <c r="AA141" s="68"/>
      <c r="AB141" s="69"/>
      <c r="AC141" s="85" t="s">
        <v>11</v>
      </c>
      <c r="AD141" s="67" t="s">
        <v>27</v>
      </c>
      <c r="AE141" s="68"/>
      <c r="AF141" s="69"/>
    </row>
    <row r="142" spans="1:32" ht="19.5" customHeight="1" x14ac:dyDescent="0.4">
      <c r="A142" s="45"/>
      <c r="B142" s="46"/>
      <c r="C142" s="47"/>
      <c r="D142" s="48"/>
      <c r="E142" s="49"/>
      <c r="F142" s="50"/>
      <c r="G142" s="51"/>
      <c r="H142" s="88" t="s">
        <v>20</v>
      </c>
      <c r="I142" s="53" t="s">
        <v>11</v>
      </c>
      <c r="J142" s="54" t="s">
        <v>21</v>
      </c>
      <c r="K142" s="55"/>
      <c r="L142" s="56"/>
      <c r="M142" s="57" t="s">
        <v>11</v>
      </c>
      <c r="N142" s="54" t="s">
        <v>22</v>
      </c>
      <c r="O142" s="57"/>
      <c r="P142" s="54"/>
      <c r="Q142" s="58"/>
      <c r="R142" s="58"/>
      <c r="S142" s="58"/>
      <c r="T142" s="58"/>
      <c r="U142" s="58"/>
      <c r="V142" s="58"/>
      <c r="W142" s="58"/>
      <c r="X142" s="59"/>
      <c r="Y142" s="68"/>
      <c r="Z142" s="68"/>
      <c r="AA142" s="68"/>
      <c r="AB142" s="69"/>
      <c r="AC142" s="80"/>
      <c r="AD142" s="68"/>
      <c r="AE142" s="68"/>
      <c r="AF142" s="69"/>
    </row>
    <row r="143" spans="1:32" ht="19.5" customHeight="1" x14ac:dyDescent="0.4">
      <c r="A143" s="45"/>
      <c r="B143" s="46"/>
      <c r="C143" s="47"/>
      <c r="D143" s="48"/>
      <c r="E143" s="49"/>
      <c r="F143" s="50"/>
      <c r="G143" s="51"/>
      <c r="H143" s="88" t="s">
        <v>73</v>
      </c>
      <c r="I143" s="53" t="s">
        <v>11</v>
      </c>
      <c r="J143" s="54" t="s">
        <v>21</v>
      </c>
      <c r="K143" s="55"/>
      <c r="L143" s="56"/>
      <c r="M143" s="57" t="s">
        <v>11</v>
      </c>
      <c r="N143" s="54" t="s">
        <v>22</v>
      </c>
      <c r="O143" s="57"/>
      <c r="P143" s="54"/>
      <c r="Q143" s="58"/>
      <c r="R143" s="58"/>
      <c r="S143" s="58"/>
      <c r="T143" s="58"/>
      <c r="U143" s="58"/>
      <c r="V143" s="58"/>
      <c r="W143" s="58"/>
      <c r="X143" s="59"/>
      <c r="Y143" s="68"/>
      <c r="Z143" s="68"/>
      <c r="AA143" s="68"/>
      <c r="AB143" s="69"/>
      <c r="AC143" s="80"/>
      <c r="AD143" s="68"/>
      <c r="AE143" s="68"/>
      <c r="AF143" s="69"/>
    </row>
    <row r="144" spans="1:32" ht="18.75" customHeight="1" x14ac:dyDescent="0.4">
      <c r="A144" s="45"/>
      <c r="B144" s="46"/>
      <c r="C144" s="61"/>
      <c r="D144" s="50"/>
      <c r="E144" s="49"/>
      <c r="F144" s="159"/>
      <c r="G144" s="62"/>
      <c r="H144" s="160" t="s">
        <v>134</v>
      </c>
      <c r="I144" s="71" t="s">
        <v>11</v>
      </c>
      <c r="J144" s="72" t="s">
        <v>25</v>
      </c>
      <c r="K144" s="72"/>
      <c r="L144" s="71" t="s">
        <v>11</v>
      </c>
      <c r="M144" s="72" t="s">
        <v>26</v>
      </c>
      <c r="N144" s="72"/>
      <c r="O144" s="83"/>
      <c r="P144" s="83"/>
      <c r="Q144" s="83"/>
      <c r="R144" s="83"/>
      <c r="S144" s="83"/>
      <c r="T144" s="83"/>
      <c r="U144" s="83"/>
      <c r="V144" s="83"/>
      <c r="W144" s="83"/>
      <c r="X144" s="149"/>
      <c r="Y144" s="80"/>
      <c r="Z144" s="68"/>
      <c r="AA144" s="68"/>
      <c r="AB144" s="69"/>
      <c r="AC144" s="80"/>
      <c r="AD144" s="68"/>
      <c r="AE144" s="68"/>
      <c r="AF144" s="69"/>
    </row>
    <row r="145" spans="1:32" ht="18.75" customHeight="1" x14ac:dyDescent="0.4">
      <c r="A145" s="45"/>
      <c r="B145" s="46"/>
      <c r="C145" s="61"/>
      <c r="D145" s="50"/>
      <c r="E145" s="49"/>
      <c r="F145" s="159"/>
      <c r="G145" s="62"/>
      <c r="H145" s="161"/>
      <c r="I145" s="76"/>
      <c r="J145" s="77"/>
      <c r="K145" s="77"/>
      <c r="L145" s="76"/>
      <c r="M145" s="77"/>
      <c r="N145" s="77"/>
      <c r="O145" s="64"/>
      <c r="P145" s="64"/>
      <c r="Q145" s="64"/>
      <c r="R145" s="64"/>
      <c r="S145" s="64"/>
      <c r="T145" s="64"/>
      <c r="U145" s="64"/>
      <c r="V145" s="64"/>
      <c r="W145" s="64"/>
      <c r="X145" s="66"/>
      <c r="Y145" s="80"/>
      <c r="Z145" s="68"/>
      <c r="AA145" s="68"/>
      <c r="AB145" s="69"/>
      <c r="AC145" s="80"/>
      <c r="AD145" s="68"/>
      <c r="AE145" s="68"/>
      <c r="AF145" s="69"/>
    </row>
    <row r="146" spans="1:32" ht="18.75" customHeight="1" x14ac:dyDescent="0.4">
      <c r="A146" s="45"/>
      <c r="B146" s="46"/>
      <c r="C146" s="61"/>
      <c r="D146" s="50"/>
      <c r="E146" s="49"/>
      <c r="F146" s="159"/>
      <c r="G146" s="62"/>
      <c r="H146" s="81" t="s">
        <v>135</v>
      </c>
      <c r="I146" s="93" t="s">
        <v>11</v>
      </c>
      <c r="J146" s="54" t="s">
        <v>25</v>
      </c>
      <c r="K146" s="54"/>
      <c r="L146" s="57" t="s">
        <v>11</v>
      </c>
      <c r="M146" s="54" t="s">
        <v>45</v>
      </c>
      <c r="N146" s="54"/>
      <c r="O146" s="82" t="s">
        <v>11</v>
      </c>
      <c r="P146" s="54" t="s">
        <v>46</v>
      </c>
      <c r="Q146" s="89"/>
      <c r="R146" s="89"/>
      <c r="S146" s="89"/>
      <c r="T146" s="89"/>
      <c r="U146" s="89"/>
      <c r="V146" s="89"/>
      <c r="W146" s="89"/>
      <c r="X146" s="113"/>
      <c r="Y146" s="80"/>
      <c r="Z146" s="68"/>
      <c r="AA146" s="68"/>
      <c r="AB146" s="69"/>
      <c r="AC146" s="80"/>
      <c r="AD146" s="68"/>
      <c r="AE146" s="68"/>
      <c r="AF146" s="69"/>
    </row>
    <row r="147" spans="1:32" ht="18.75" customHeight="1" x14ac:dyDescent="0.4">
      <c r="A147" s="85" t="s">
        <v>11</v>
      </c>
      <c r="B147" s="46">
        <v>38</v>
      </c>
      <c r="C147" s="61" t="s">
        <v>138</v>
      </c>
      <c r="D147" s="85" t="s">
        <v>11</v>
      </c>
      <c r="E147" s="49" t="s">
        <v>62</v>
      </c>
      <c r="F147" s="159"/>
      <c r="G147" s="62"/>
      <c r="H147" s="81" t="s">
        <v>110</v>
      </c>
      <c r="I147" s="53" t="s">
        <v>11</v>
      </c>
      <c r="J147" s="54" t="s">
        <v>25</v>
      </c>
      <c r="K147" s="55"/>
      <c r="L147" s="57" t="s">
        <v>11</v>
      </c>
      <c r="M147" s="54" t="s">
        <v>26</v>
      </c>
      <c r="N147" s="89"/>
      <c r="O147" s="89"/>
      <c r="P147" s="89"/>
      <c r="Q147" s="89"/>
      <c r="R147" s="89"/>
      <c r="S147" s="89"/>
      <c r="T147" s="89"/>
      <c r="U147" s="89"/>
      <c r="V147" s="89"/>
      <c r="W147" s="89"/>
      <c r="X147" s="113"/>
      <c r="Y147" s="80"/>
      <c r="Z147" s="68"/>
      <c r="AA147" s="68"/>
      <c r="AB147" s="69"/>
      <c r="AC147" s="80"/>
      <c r="AD147" s="68"/>
      <c r="AE147" s="68"/>
      <c r="AF147" s="69"/>
    </row>
    <row r="148" spans="1:32" ht="18.75" customHeight="1" x14ac:dyDescent="0.4">
      <c r="A148" s="45"/>
      <c r="B148" s="46"/>
      <c r="C148" s="61" t="s">
        <v>141</v>
      </c>
      <c r="D148" s="85" t="s">
        <v>11</v>
      </c>
      <c r="E148" s="49" t="s">
        <v>63</v>
      </c>
      <c r="F148" s="159"/>
      <c r="G148" s="62"/>
      <c r="H148" s="81" t="s">
        <v>139</v>
      </c>
      <c r="I148" s="93" t="s">
        <v>11</v>
      </c>
      <c r="J148" s="54" t="s">
        <v>25</v>
      </c>
      <c r="K148" s="54"/>
      <c r="L148" s="57" t="s">
        <v>11</v>
      </c>
      <c r="M148" s="54" t="s">
        <v>89</v>
      </c>
      <c r="N148" s="54"/>
      <c r="O148" s="82"/>
      <c r="P148" s="82" t="s">
        <v>11</v>
      </c>
      <c r="Q148" s="54" t="s">
        <v>90</v>
      </c>
      <c r="R148" s="82"/>
      <c r="S148" s="54"/>
      <c r="T148" s="82" t="s">
        <v>11</v>
      </c>
      <c r="U148" s="54" t="s">
        <v>140</v>
      </c>
      <c r="V148" s="89"/>
      <c r="W148" s="89"/>
      <c r="X148" s="113"/>
      <c r="Y148" s="80"/>
      <c r="Z148" s="68"/>
      <c r="AA148" s="68"/>
      <c r="AB148" s="69"/>
      <c r="AC148" s="80"/>
      <c r="AD148" s="68"/>
      <c r="AE148" s="68"/>
      <c r="AF148" s="69"/>
    </row>
    <row r="149" spans="1:32" ht="18.75" customHeight="1" x14ac:dyDescent="0.4">
      <c r="A149" s="45"/>
      <c r="B149" s="46"/>
      <c r="C149" s="61" t="s">
        <v>148</v>
      </c>
      <c r="D149" s="85" t="s">
        <v>11</v>
      </c>
      <c r="E149" s="49" t="s">
        <v>143</v>
      </c>
      <c r="F149" s="159"/>
      <c r="G149" s="62"/>
      <c r="H149" s="81" t="s">
        <v>142</v>
      </c>
      <c r="I149" s="93" t="s">
        <v>11</v>
      </c>
      <c r="J149" s="54" t="s">
        <v>25</v>
      </c>
      <c r="K149" s="54"/>
      <c r="L149" s="57" t="s">
        <v>11</v>
      </c>
      <c r="M149" s="64" t="s">
        <v>26</v>
      </c>
      <c r="N149" s="54"/>
      <c r="O149" s="82"/>
      <c r="P149" s="82"/>
      <c r="Q149" s="82"/>
      <c r="R149" s="82"/>
      <c r="S149" s="82"/>
      <c r="T149" s="82"/>
      <c r="U149" s="82"/>
      <c r="V149" s="82"/>
      <c r="W149" s="82"/>
      <c r="X149" s="113"/>
      <c r="Y149" s="80"/>
      <c r="Z149" s="68"/>
      <c r="AA149" s="68"/>
      <c r="AB149" s="69"/>
      <c r="AC149" s="80"/>
      <c r="AD149" s="68"/>
      <c r="AE149" s="68"/>
      <c r="AF149" s="69"/>
    </row>
    <row r="150" spans="1:32" ht="18.75" customHeight="1" x14ac:dyDescent="0.4">
      <c r="A150" s="45"/>
      <c r="B150" s="46"/>
      <c r="C150" s="162"/>
      <c r="D150" s="85" t="s">
        <v>11</v>
      </c>
      <c r="E150" s="49" t="s">
        <v>144</v>
      </c>
      <c r="F150" s="50"/>
      <c r="G150" s="49"/>
      <c r="H150" s="151" t="s">
        <v>146</v>
      </c>
      <c r="I150" s="53" t="s">
        <v>11</v>
      </c>
      <c r="J150" s="54" t="s">
        <v>25</v>
      </c>
      <c r="K150" s="54"/>
      <c r="L150" s="57" t="s">
        <v>11</v>
      </c>
      <c r="M150" s="64" t="s">
        <v>26</v>
      </c>
      <c r="N150" s="54"/>
      <c r="O150" s="54"/>
      <c r="P150" s="54"/>
      <c r="Q150" s="55"/>
      <c r="R150" s="55"/>
      <c r="S150" s="55"/>
      <c r="T150" s="55"/>
      <c r="U150" s="55"/>
      <c r="V150" s="55"/>
      <c r="W150" s="55"/>
      <c r="X150" s="84"/>
      <c r="Y150" s="80"/>
      <c r="Z150" s="68"/>
      <c r="AA150" s="68"/>
      <c r="AB150" s="69"/>
      <c r="AC150" s="80"/>
      <c r="AD150" s="68"/>
      <c r="AE150" s="68"/>
      <c r="AF150" s="69"/>
    </row>
    <row r="151" spans="1:32" ht="18.75" customHeight="1" x14ac:dyDescent="0.4">
      <c r="A151" s="45"/>
      <c r="B151" s="46"/>
      <c r="C151" s="61"/>
      <c r="D151" s="48"/>
      <c r="E151" s="49"/>
      <c r="F151" s="50"/>
      <c r="G151" s="49"/>
      <c r="H151" s="151" t="s">
        <v>147</v>
      </c>
      <c r="I151" s="53" t="s">
        <v>11</v>
      </c>
      <c r="J151" s="54" t="s">
        <v>25</v>
      </c>
      <c r="K151" s="54"/>
      <c r="L151" s="57" t="s">
        <v>11</v>
      </c>
      <c r="M151" s="64" t="s">
        <v>26</v>
      </c>
      <c r="N151" s="54"/>
      <c r="O151" s="54"/>
      <c r="P151" s="54"/>
      <c r="Q151" s="55"/>
      <c r="R151" s="55"/>
      <c r="S151" s="55"/>
      <c r="T151" s="55"/>
      <c r="U151" s="55"/>
      <c r="V151" s="55"/>
      <c r="W151" s="55"/>
      <c r="X151" s="84"/>
      <c r="Y151" s="80"/>
      <c r="Z151" s="68"/>
      <c r="AA151" s="68"/>
      <c r="AB151" s="69"/>
      <c r="AC151" s="80"/>
      <c r="AD151" s="68"/>
      <c r="AE151" s="68"/>
      <c r="AF151" s="69"/>
    </row>
    <row r="152" spans="1:32" ht="18.75" customHeight="1" x14ac:dyDescent="0.4">
      <c r="A152" s="45"/>
      <c r="B152" s="46"/>
      <c r="C152" s="61"/>
      <c r="D152" s="50"/>
      <c r="E152" s="49"/>
      <c r="F152" s="159"/>
      <c r="G152" s="62"/>
      <c r="H152" s="155" t="s">
        <v>125</v>
      </c>
      <c r="I152" s="53" t="s">
        <v>11</v>
      </c>
      <c r="J152" s="54" t="s">
        <v>25</v>
      </c>
      <c r="K152" s="54"/>
      <c r="L152" s="57" t="s">
        <v>11</v>
      </c>
      <c r="M152" s="54" t="s">
        <v>45</v>
      </c>
      <c r="N152" s="54"/>
      <c r="O152" s="57" t="s">
        <v>11</v>
      </c>
      <c r="P152" s="54" t="s">
        <v>46</v>
      </c>
      <c r="Q152" s="58"/>
      <c r="R152" s="58"/>
      <c r="S152" s="58"/>
      <c r="T152" s="58"/>
      <c r="U152" s="94"/>
      <c r="V152" s="94"/>
      <c r="W152" s="94"/>
      <c r="X152" s="95"/>
      <c r="Y152" s="80"/>
      <c r="Z152" s="68"/>
      <c r="AA152" s="68"/>
      <c r="AB152" s="69"/>
      <c r="AC152" s="80"/>
      <c r="AD152" s="68"/>
      <c r="AE152" s="68"/>
      <c r="AF152" s="69"/>
    </row>
    <row r="153" spans="1:32" ht="18.75" customHeight="1" x14ac:dyDescent="0.4">
      <c r="A153" s="45"/>
      <c r="B153" s="46"/>
      <c r="C153" s="61"/>
      <c r="D153" s="48"/>
      <c r="E153" s="49"/>
      <c r="F153" s="159"/>
      <c r="G153" s="62"/>
      <c r="H153" s="81" t="s">
        <v>48</v>
      </c>
      <c r="I153" s="53" t="s">
        <v>11</v>
      </c>
      <c r="J153" s="54" t="s">
        <v>25</v>
      </c>
      <c r="K153" s="54"/>
      <c r="L153" s="57" t="s">
        <v>11</v>
      </c>
      <c r="M153" s="54" t="s">
        <v>49</v>
      </c>
      <c r="N153" s="54"/>
      <c r="O153" s="57" t="s">
        <v>11</v>
      </c>
      <c r="P153" s="54" t="s">
        <v>50</v>
      </c>
      <c r="Q153" s="89"/>
      <c r="R153" s="57" t="s">
        <v>11</v>
      </c>
      <c r="S153" s="54" t="s">
        <v>51</v>
      </c>
      <c r="T153" s="89"/>
      <c r="U153" s="89"/>
      <c r="V153" s="89"/>
      <c r="W153" s="89"/>
      <c r="X153" s="113"/>
      <c r="Y153" s="80"/>
      <c r="Z153" s="68"/>
      <c r="AA153" s="68"/>
      <c r="AB153" s="69"/>
      <c r="AC153" s="80"/>
      <c r="AD153" s="68"/>
      <c r="AE153" s="68"/>
      <c r="AF153" s="69"/>
    </row>
    <row r="154" spans="1:32" ht="18.75" customHeight="1" x14ac:dyDescent="0.4">
      <c r="A154" s="45"/>
      <c r="B154" s="46"/>
      <c r="C154" s="47"/>
      <c r="D154" s="48"/>
      <c r="E154" s="49"/>
      <c r="F154" s="50"/>
      <c r="G154" s="51"/>
      <c r="H154" s="91" t="s">
        <v>52</v>
      </c>
      <c r="I154" s="53" t="s">
        <v>11</v>
      </c>
      <c r="J154" s="54" t="s">
        <v>25</v>
      </c>
      <c r="K154" s="54"/>
      <c r="L154" s="57" t="s">
        <v>11</v>
      </c>
      <c r="M154" s="54" t="s">
        <v>49</v>
      </c>
      <c r="N154" s="54"/>
      <c r="O154" s="57" t="s">
        <v>11</v>
      </c>
      <c r="P154" s="54" t="s">
        <v>50</v>
      </c>
      <c r="Q154" s="54"/>
      <c r="R154" s="57" t="s">
        <v>11</v>
      </c>
      <c r="S154" s="54" t="s">
        <v>53</v>
      </c>
      <c r="T154" s="54"/>
      <c r="U154" s="58"/>
      <c r="V154" s="58"/>
      <c r="W154" s="58"/>
      <c r="X154" s="59"/>
      <c r="Y154" s="68"/>
      <c r="Z154" s="68"/>
      <c r="AA154" s="68"/>
      <c r="AB154" s="69"/>
      <c r="AC154" s="80"/>
      <c r="AD154" s="68"/>
      <c r="AE154" s="68"/>
      <c r="AF154" s="69"/>
    </row>
    <row r="155" spans="1:32" ht="18.75" customHeight="1" x14ac:dyDescent="0.4">
      <c r="A155" s="45"/>
      <c r="B155" s="46"/>
      <c r="C155" s="47"/>
      <c r="D155" s="48"/>
      <c r="E155" s="49"/>
      <c r="F155" s="50"/>
      <c r="G155" s="51"/>
      <c r="H155" s="92" t="s">
        <v>54</v>
      </c>
      <c r="I155" s="93" t="s">
        <v>11</v>
      </c>
      <c r="J155" s="83" t="s">
        <v>55</v>
      </c>
      <c r="K155" s="83"/>
      <c r="L155" s="82" t="s">
        <v>11</v>
      </c>
      <c r="M155" s="83" t="s">
        <v>56</v>
      </c>
      <c r="N155" s="83"/>
      <c r="O155" s="82" t="s">
        <v>11</v>
      </c>
      <c r="P155" s="83" t="s">
        <v>57</v>
      </c>
      <c r="Q155" s="83"/>
      <c r="R155" s="82"/>
      <c r="S155" s="83"/>
      <c r="T155" s="83"/>
      <c r="U155" s="94"/>
      <c r="V155" s="94"/>
      <c r="W155" s="94"/>
      <c r="X155" s="95"/>
      <c r="Y155" s="68"/>
      <c r="Z155" s="68"/>
      <c r="AA155" s="68"/>
      <c r="AB155" s="69"/>
      <c r="AC155" s="80"/>
      <c r="AD155" s="68"/>
      <c r="AE155" s="68"/>
      <c r="AF155" s="69"/>
    </row>
    <row r="156" spans="1:32" ht="19.5" customHeight="1" x14ac:dyDescent="0.4">
      <c r="A156" s="96"/>
      <c r="B156" s="97"/>
      <c r="C156" s="98"/>
      <c r="D156" s="34"/>
      <c r="E156" s="41"/>
      <c r="F156" s="99"/>
      <c r="G156" s="100"/>
      <c r="H156" s="101" t="s">
        <v>58</v>
      </c>
      <c r="I156" s="102" t="s">
        <v>11</v>
      </c>
      <c r="J156" s="103" t="s">
        <v>25</v>
      </c>
      <c r="K156" s="103"/>
      <c r="L156" s="104" t="s">
        <v>11</v>
      </c>
      <c r="M156" s="103" t="s">
        <v>26</v>
      </c>
      <c r="N156" s="103"/>
      <c r="O156" s="103"/>
      <c r="P156" s="103"/>
      <c r="Q156" s="105"/>
      <c r="R156" s="105"/>
      <c r="S156" s="105"/>
      <c r="T156" s="105"/>
      <c r="U156" s="105"/>
      <c r="V156" s="105"/>
      <c r="W156" s="105"/>
      <c r="X156" s="106"/>
      <c r="Y156" s="107"/>
      <c r="Z156" s="107"/>
      <c r="AA156" s="107"/>
      <c r="AB156" s="108"/>
      <c r="AC156" s="109"/>
      <c r="AD156" s="107"/>
      <c r="AE156" s="107"/>
      <c r="AF156" s="108"/>
    </row>
    <row r="157" spans="1:32" ht="18.75" customHeight="1" x14ac:dyDescent="0.4">
      <c r="A157" s="122"/>
      <c r="B157" s="123"/>
      <c r="C157" s="124"/>
      <c r="D157" s="125"/>
      <c r="E157" s="25"/>
      <c r="F157" s="125"/>
      <c r="G157" s="126"/>
      <c r="H157" s="127" t="s">
        <v>70</v>
      </c>
      <c r="I157" s="128" t="s">
        <v>11</v>
      </c>
      <c r="J157" s="110" t="s">
        <v>25</v>
      </c>
      <c r="K157" s="110"/>
      <c r="L157" s="129"/>
      <c r="M157" s="130" t="s">
        <v>11</v>
      </c>
      <c r="N157" s="110" t="s">
        <v>71</v>
      </c>
      <c r="O157" s="110"/>
      <c r="P157" s="129"/>
      <c r="Q157" s="130" t="s">
        <v>11</v>
      </c>
      <c r="R157" s="131" t="s">
        <v>72</v>
      </c>
      <c r="S157" s="131"/>
      <c r="T157" s="131"/>
      <c r="U157" s="131"/>
      <c r="V157" s="131"/>
      <c r="W157" s="131"/>
      <c r="X157" s="132"/>
      <c r="Y157" s="156" t="s">
        <v>11</v>
      </c>
      <c r="Z157" s="23" t="s">
        <v>23</v>
      </c>
      <c r="AA157" s="23"/>
      <c r="AB157" s="60"/>
      <c r="AC157" s="156" t="s">
        <v>11</v>
      </c>
      <c r="AD157" s="23" t="s">
        <v>23</v>
      </c>
      <c r="AE157" s="23"/>
      <c r="AF157" s="60"/>
    </row>
    <row r="158" spans="1:32" ht="18.75" customHeight="1" x14ac:dyDescent="0.4">
      <c r="A158" s="45"/>
      <c r="B158" s="46"/>
      <c r="C158" s="61"/>
      <c r="D158" s="50"/>
      <c r="E158" s="49"/>
      <c r="F158" s="50"/>
      <c r="G158" s="62"/>
      <c r="H158" s="86" t="s">
        <v>132</v>
      </c>
      <c r="I158" s="53" t="s">
        <v>11</v>
      </c>
      <c r="J158" s="54" t="s">
        <v>21</v>
      </c>
      <c r="K158" s="55"/>
      <c r="L158" s="56"/>
      <c r="M158" s="57" t="s">
        <v>11</v>
      </c>
      <c r="N158" s="54" t="s">
        <v>133</v>
      </c>
      <c r="O158" s="58"/>
      <c r="P158" s="58"/>
      <c r="Q158" s="55"/>
      <c r="R158" s="55"/>
      <c r="S158" s="55"/>
      <c r="T158" s="55"/>
      <c r="U158" s="55"/>
      <c r="V158" s="55"/>
      <c r="W158" s="55"/>
      <c r="X158" s="84"/>
      <c r="Y158" s="85" t="s">
        <v>11</v>
      </c>
      <c r="Z158" s="67" t="s">
        <v>27</v>
      </c>
      <c r="AA158" s="68"/>
      <c r="AB158" s="69"/>
      <c r="AC158" s="85" t="s">
        <v>11</v>
      </c>
      <c r="AD158" s="67" t="s">
        <v>27</v>
      </c>
      <c r="AE158" s="68"/>
      <c r="AF158" s="69"/>
    </row>
    <row r="159" spans="1:32" ht="19.5" customHeight="1" x14ac:dyDescent="0.4">
      <c r="A159" s="45"/>
      <c r="B159" s="46"/>
      <c r="C159" s="47"/>
      <c r="D159" s="48"/>
      <c r="E159" s="49"/>
      <c r="F159" s="50"/>
      <c r="G159" s="51"/>
      <c r="H159" s="88" t="s">
        <v>20</v>
      </c>
      <c r="I159" s="53" t="s">
        <v>11</v>
      </c>
      <c r="J159" s="54" t="s">
        <v>21</v>
      </c>
      <c r="K159" s="55"/>
      <c r="L159" s="56"/>
      <c r="M159" s="57" t="s">
        <v>11</v>
      </c>
      <c r="N159" s="54" t="s">
        <v>22</v>
      </c>
      <c r="O159" s="57"/>
      <c r="P159" s="54"/>
      <c r="Q159" s="58"/>
      <c r="R159" s="58"/>
      <c r="S159" s="58"/>
      <c r="T159" s="58"/>
      <c r="U159" s="58"/>
      <c r="V159" s="58"/>
      <c r="W159" s="58"/>
      <c r="X159" s="59"/>
      <c r="Y159" s="68"/>
      <c r="Z159" s="68"/>
      <c r="AA159" s="68"/>
      <c r="AB159" s="69"/>
      <c r="AC159" s="80"/>
      <c r="AD159" s="68"/>
      <c r="AE159" s="68"/>
      <c r="AF159" s="69"/>
    </row>
    <row r="160" spans="1:32" ht="19.5" customHeight="1" x14ac:dyDescent="0.4">
      <c r="A160" s="45"/>
      <c r="B160" s="46"/>
      <c r="C160" s="47"/>
      <c r="D160" s="48"/>
      <c r="E160" s="49"/>
      <c r="F160" s="50"/>
      <c r="G160" s="51"/>
      <c r="H160" s="88" t="s">
        <v>73</v>
      </c>
      <c r="I160" s="53" t="s">
        <v>11</v>
      </c>
      <c r="J160" s="54" t="s">
        <v>21</v>
      </c>
      <c r="K160" s="55"/>
      <c r="L160" s="56"/>
      <c r="M160" s="57" t="s">
        <v>11</v>
      </c>
      <c r="N160" s="54" t="s">
        <v>22</v>
      </c>
      <c r="O160" s="57"/>
      <c r="P160" s="54"/>
      <c r="Q160" s="58"/>
      <c r="R160" s="58"/>
      <c r="S160" s="58"/>
      <c r="T160" s="58"/>
      <c r="U160" s="58"/>
      <c r="V160" s="58"/>
      <c r="W160" s="58"/>
      <c r="X160" s="59"/>
      <c r="Y160" s="68"/>
      <c r="Z160" s="68"/>
      <c r="AA160" s="68"/>
      <c r="AB160" s="69"/>
      <c r="AC160" s="80"/>
      <c r="AD160" s="68"/>
      <c r="AE160" s="68"/>
      <c r="AF160" s="69"/>
    </row>
    <row r="161" spans="1:32" ht="18.75" customHeight="1" x14ac:dyDescent="0.4">
      <c r="A161" s="45"/>
      <c r="B161" s="46"/>
      <c r="C161" s="61"/>
      <c r="D161" s="50"/>
      <c r="E161" s="49"/>
      <c r="F161" s="50"/>
      <c r="G161" s="62"/>
      <c r="H161" s="81" t="s">
        <v>149</v>
      </c>
      <c r="I161" s="93" t="s">
        <v>11</v>
      </c>
      <c r="J161" s="54" t="s">
        <v>25</v>
      </c>
      <c r="K161" s="54"/>
      <c r="L161" s="57" t="s">
        <v>11</v>
      </c>
      <c r="M161" s="54" t="s">
        <v>45</v>
      </c>
      <c r="N161" s="54"/>
      <c r="O161" s="82" t="s">
        <v>11</v>
      </c>
      <c r="P161" s="54" t="s">
        <v>46</v>
      </c>
      <c r="Q161" s="89"/>
      <c r="R161" s="89"/>
      <c r="S161" s="89"/>
      <c r="T161" s="89"/>
      <c r="U161" s="89"/>
      <c r="V161" s="89"/>
      <c r="W161" s="89"/>
      <c r="X161" s="113"/>
      <c r="Y161" s="80"/>
      <c r="Z161" s="68"/>
      <c r="AA161" s="68"/>
      <c r="AB161" s="69"/>
      <c r="AC161" s="80"/>
      <c r="AD161" s="68"/>
      <c r="AE161" s="68"/>
      <c r="AF161" s="69"/>
    </row>
    <row r="162" spans="1:32" ht="18.75" customHeight="1" x14ac:dyDescent="0.4">
      <c r="A162" s="45"/>
      <c r="B162" s="46"/>
      <c r="C162" s="61"/>
      <c r="D162" s="50"/>
      <c r="E162" s="49"/>
      <c r="F162" s="50"/>
      <c r="G162" s="62"/>
      <c r="H162" s="160" t="s">
        <v>150</v>
      </c>
      <c r="I162" s="71" t="s">
        <v>11</v>
      </c>
      <c r="J162" s="72" t="s">
        <v>25</v>
      </c>
      <c r="K162" s="72"/>
      <c r="L162" s="71" t="s">
        <v>11</v>
      </c>
      <c r="M162" s="72" t="s">
        <v>26</v>
      </c>
      <c r="N162" s="72"/>
      <c r="O162" s="83"/>
      <c r="P162" s="83"/>
      <c r="Q162" s="83"/>
      <c r="R162" s="83"/>
      <c r="S162" s="83"/>
      <c r="T162" s="83"/>
      <c r="U162" s="83"/>
      <c r="V162" s="83"/>
      <c r="W162" s="83"/>
      <c r="X162" s="149"/>
      <c r="Y162" s="80"/>
      <c r="Z162" s="68"/>
      <c r="AA162" s="68"/>
      <c r="AB162" s="69"/>
      <c r="AC162" s="80"/>
      <c r="AD162" s="68"/>
      <c r="AE162" s="68"/>
      <c r="AF162" s="69"/>
    </row>
    <row r="163" spans="1:32" ht="18.75" customHeight="1" x14ac:dyDescent="0.4">
      <c r="A163" s="45"/>
      <c r="B163" s="46"/>
      <c r="C163" s="61"/>
      <c r="D163" s="50"/>
      <c r="E163" s="49"/>
      <c r="F163" s="50"/>
      <c r="G163" s="62"/>
      <c r="H163" s="161"/>
      <c r="I163" s="76"/>
      <c r="J163" s="77"/>
      <c r="K163" s="77"/>
      <c r="L163" s="76"/>
      <c r="M163" s="77"/>
      <c r="N163" s="77"/>
      <c r="O163" s="64"/>
      <c r="P163" s="64"/>
      <c r="Q163" s="64"/>
      <c r="R163" s="64"/>
      <c r="S163" s="64"/>
      <c r="T163" s="64"/>
      <c r="U163" s="64"/>
      <c r="V163" s="64"/>
      <c r="W163" s="64"/>
      <c r="X163" s="66"/>
      <c r="Y163" s="80"/>
      <c r="Z163" s="68"/>
      <c r="AA163" s="68"/>
      <c r="AB163" s="69"/>
      <c r="AC163" s="80"/>
      <c r="AD163" s="68"/>
      <c r="AE163" s="68"/>
      <c r="AF163" s="69"/>
    </row>
    <row r="164" spans="1:32" ht="18.75" customHeight="1" x14ac:dyDescent="0.4">
      <c r="A164" s="45"/>
      <c r="B164" s="46"/>
      <c r="C164" s="61"/>
      <c r="D164" s="50"/>
      <c r="E164" s="49"/>
      <c r="F164" s="50"/>
      <c r="G164" s="62"/>
      <c r="H164" s="91" t="s">
        <v>86</v>
      </c>
      <c r="I164" s="53" t="s">
        <v>11</v>
      </c>
      <c r="J164" s="54" t="s">
        <v>25</v>
      </c>
      <c r="K164" s="54"/>
      <c r="L164" s="57" t="s">
        <v>11</v>
      </c>
      <c r="M164" s="54" t="s">
        <v>33</v>
      </c>
      <c r="N164" s="54"/>
      <c r="O164" s="57" t="s">
        <v>11</v>
      </c>
      <c r="P164" s="54" t="s">
        <v>34</v>
      </c>
      <c r="Q164" s="89"/>
      <c r="R164" s="89"/>
      <c r="S164" s="89"/>
      <c r="T164" s="89"/>
      <c r="U164" s="89"/>
      <c r="V164" s="89"/>
      <c r="W164" s="89"/>
      <c r="X164" s="113"/>
      <c r="Y164" s="80"/>
      <c r="Z164" s="68"/>
      <c r="AA164" s="68"/>
      <c r="AB164" s="69"/>
      <c r="AC164" s="80"/>
      <c r="AD164" s="68"/>
      <c r="AE164" s="68"/>
      <c r="AF164" s="69"/>
    </row>
    <row r="165" spans="1:32" ht="18.75" customHeight="1" x14ac:dyDescent="0.4">
      <c r="A165" s="45"/>
      <c r="B165" s="46"/>
      <c r="C165" s="61"/>
      <c r="D165" s="50"/>
      <c r="E165" s="49"/>
      <c r="F165" s="50"/>
      <c r="G165" s="62"/>
      <c r="H165" s="91" t="s">
        <v>107</v>
      </c>
      <c r="I165" s="53" t="s">
        <v>11</v>
      </c>
      <c r="J165" s="54" t="s">
        <v>25</v>
      </c>
      <c r="K165" s="55"/>
      <c r="L165" s="57" t="s">
        <v>11</v>
      </c>
      <c r="M165" s="54" t="s">
        <v>26</v>
      </c>
      <c r="N165" s="89"/>
      <c r="O165" s="89"/>
      <c r="P165" s="89"/>
      <c r="Q165" s="89"/>
      <c r="R165" s="89"/>
      <c r="S165" s="89"/>
      <c r="T165" s="89"/>
      <c r="U165" s="89"/>
      <c r="V165" s="89"/>
      <c r="W165" s="89"/>
      <c r="X165" s="113"/>
      <c r="Y165" s="80"/>
      <c r="Z165" s="68"/>
      <c r="AA165" s="68"/>
      <c r="AB165" s="69"/>
      <c r="AC165" s="80"/>
      <c r="AD165" s="68"/>
      <c r="AE165" s="68"/>
      <c r="AF165" s="69"/>
    </row>
    <row r="166" spans="1:32" ht="18.75" customHeight="1" x14ac:dyDescent="0.4">
      <c r="A166" s="45"/>
      <c r="B166" s="46"/>
      <c r="C166" s="61"/>
      <c r="D166" s="50"/>
      <c r="E166" s="49"/>
      <c r="F166" s="50"/>
      <c r="G166" s="62"/>
      <c r="H166" s="151" t="s">
        <v>109</v>
      </c>
      <c r="I166" s="53" t="s">
        <v>11</v>
      </c>
      <c r="J166" s="54" t="s">
        <v>25</v>
      </c>
      <c r="K166" s="55"/>
      <c r="L166" s="57" t="s">
        <v>11</v>
      </c>
      <c r="M166" s="54" t="s">
        <v>26</v>
      </c>
      <c r="N166" s="89"/>
      <c r="O166" s="89"/>
      <c r="P166" s="89"/>
      <c r="Q166" s="89"/>
      <c r="R166" s="89"/>
      <c r="S166" s="89"/>
      <c r="T166" s="89"/>
      <c r="U166" s="89"/>
      <c r="V166" s="89"/>
      <c r="W166" s="89"/>
      <c r="X166" s="113"/>
      <c r="Y166" s="80"/>
      <c r="Z166" s="68"/>
      <c r="AA166" s="68"/>
      <c r="AB166" s="69"/>
      <c r="AC166" s="80"/>
      <c r="AD166" s="68"/>
      <c r="AE166" s="68"/>
      <c r="AF166" s="69"/>
    </row>
    <row r="167" spans="1:32" ht="18.75" customHeight="1" x14ac:dyDescent="0.4">
      <c r="A167" s="85" t="s">
        <v>11</v>
      </c>
      <c r="B167" s="46">
        <v>36</v>
      </c>
      <c r="C167" s="61" t="s">
        <v>151</v>
      </c>
      <c r="D167" s="85" t="s">
        <v>11</v>
      </c>
      <c r="E167" s="49" t="s">
        <v>152</v>
      </c>
      <c r="F167" s="50"/>
      <c r="G167" s="62"/>
      <c r="H167" s="86" t="s">
        <v>153</v>
      </c>
      <c r="I167" s="53" t="s">
        <v>11</v>
      </c>
      <c r="J167" s="54" t="s">
        <v>25</v>
      </c>
      <c r="K167" s="54"/>
      <c r="L167" s="57"/>
      <c r="M167" s="57" t="s">
        <v>11</v>
      </c>
      <c r="N167" s="54" t="s">
        <v>154</v>
      </c>
      <c r="O167" s="57"/>
      <c r="P167" s="57" t="s">
        <v>11</v>
      </c>
      <c r="Q167" s="54" t="s">
        <v>155</v>
      </c>
      <c r="R167" s="57"/>
      <c r="S167" s="54"/>
      <c r="T167" s="57"/>
      <c r="U167" s="54"/>
      <c r="V167" s="55"/>
      <c r="W167" s="55"/>
      <c r="X167" s="84"/>
      <c r="Y167" s="80"/>
      <c r="Z167" s="68"/>
      <c r="AA167" s="68"/>
      <c r="AB167" s="69"/>
      <c r="AC167" s="80"/>
      <c r="AD167" s="68"/>
      <c r="AE167" s="68"/>
      <c r="AF167" s="69"/>
    </row>
    <row r="168" spans="1:32" ht="18.75" customHeight="1" x14ac:dyDescent="0.4">
      <c r="A168" s="45"/>
      <c r="B168" s="46"/>
      <c r="C168" s="61" t="s">
        <v>156</v>
      </c>
      <c r="D168" s="85" t="s">
        <v>11</v>
      </c>
      <c r="E168" s="49" t="s">
        <v>157</v>
      </c>
      <c r="F168" s="50"/>
      <c r="G168" s="62"/>
      <c r="H168" s="81" t="s">
        <v>158</v>
      </c>
      <c r="I168" s="53" t="s">
        <v>11</v>
      </c>
      <c r="J168" s="54" t="s">
        <v>25</v>
      </c>
      <c r="K168" s="55"/>
      <c r="L168" s="57" t="s">
        <v>11</v>
      </c>
      <c r="M168" s="54" t="s">
        <v>26</v>
      </c>
      <c r="N168" s="89"/>
      <c r="O168" s="89"/>
      <c r="P168" s="89"/>
      <c r="Q168" s="89"/>
      <c r="R168" s="89"/>
      <c r="S168" s="89"/>
      <c r="T168" s="89"/>
      <c r="U168" s="89"/>
      <c r="V168" s="89"/>
      <c r="W168" s="89"/>
      <c r="X168" s="113"/>
      <c r="Y168" s="80"/>
      <c r="Z168" s="68"/>
      <c r="AA168" s="68"/>
      <c r="AB168" s="69"/>
      <c r="AC168" s="80"/>
      <c r="AD168" s="68"/>
      <c r="AE168" s="68"/>
      <c r="AF168" s="69"/>
    </row>
    <row r="169" spans="1:32" ht="18.75" customHeight="1" x14ac:dyDescent="0.4">
      <c r="A169" s="45"/>
      <c r="B169" s="46"/>
      <c r="C169" s="61"/>
      <c r="D169" s="85" t="s">
        <v>11</v>
      </c>
      <c r="E169" s="49" t="s">
        <v>159</v>
      </c>
      <c r="F169" s="50"/>
      <c r="G169" s="62"/>
      <c r="H169" s="81" t="s">
        <v>137</v>
      </c>
      <c r="I169" s="53" t="s">
        <v>11</v>
      </c>
      <c r="J169" s="54" t="s">
        <v>25</v>
      </c>
      <c r="K169" s="55"/>
      <c r="L169" s="57" t="s">
        <v>11</v>
      </c>
      <c r="M169" s="54" t="s">
        <v>26</v>
      </c>
      <c r="N169" s="89"/>
      <c r="O169" s="89"/>
      <c r="P169" s="89"/>
      <c r="Q169" s="89"/>
      <c r="R169" s="89"/>
      <c r="S169" s="89"/>
      <c r="T169" s="89"/>
      <c r="U169" s="89"/>
      <c r="V169" s="89"/>
      <c r="W169" s="89"/>
      <c r="X169" s="113"/>
      <c r="Y169" s="80"/>
      <c r="Z169" s="68"/>
      <c r="AA169" s="68"/>
      <c r="AB169" s="69"/>
      <c r="AC169" s="80"/>
      <c r="AD169" s="68"/>
      <c r="AE169" s="68"/>
      <c r="AF169" s="69"/>
    </row>
    <row r="170" spans="1:32" ht="18.75" customHeight="1" x14ac:dyDescent="0.4">
      <c r="A170" s="45"/>
      <c r="B170" s="46"/>
      <c r="C170" s="61"/>
      <c r="D170" s="85" t="s">
        <v>11</v>
      </c>
      <c r="E170" s="49" t="s">
        <v>160</v>
      </c>
      <c r="F170" s="50"/>
      <c r="G170" s="62"/>
      <c r="H170" s="81" t="s">
        <v>44</v>
      </c>
      <c r="I170" s="93" t="s">
        <v>11</v>
      </c>
      <c r="J170" s="54" t="s">
        <v>25</v>
      </c>
      <c r="K170" s="54"/>
      <c r="L170" s="57" t="s">
        <v>11</v>
      </c>
      <c r="M170" s="54" t="s">
        <v>45</v>
      </c>
      <c r="N170" s="54"/>
      <c r="O170" s="82" t="s">
        <v>11</v>
      </c>
      <c r="P170" s="54" t="s">
        <v>46</v>
      </c>
      <c r="Q170" s="89"/>
      <c r="R170" s="89"/>
      <c r="S170" s="89"/>
      <c r="T170" s="89"/>
      <c r="U170" s="89"/>
      <c r="V170" s="89"/>
      <c r="W170" s="89"/>
      <c r="X170" s="113"/>
      <c r="Y170" s="80"/>
      <c r="Z170" s="68"/>
      <c r="AA170" s="68"/>
      <c r="AB170" s="69"/>
      <c r="AC170" s="80"/>
      <c r="AD170" s="68"/>
      <c r="AE170" s="68"/>
      <c r="AF170" s="69"/>
    </row>
    <row r="171" spans="1:32" ht="18.75" customHeight="1" x14ac:dyDescent="0.4">
      <c r="A171" s="45"/>
      <c r="B171" s="46"/>
      <c r="C171" s="61"/>
      <c r="D171" s="85" t="s">
        <v>11</v>
      </c>
      <c r="E171" s="49" t="s">
        <v>161</v>
      </c>
      <c r="F171" s="50"/>
      <c r="G171" s="62"/>
      <c r="H171" s="91" t="s">
        <v>97</v>
      </c>
      <c r="I171" s="53" t="s">
        <v>11</v>
      </c>
      <c r="J171" s="54" t="s">
        <v>25</v>
      </c>
      <c r="K171" s="55"/>
      <c r="L171" s="57" t="s">
        <v>11</v>
      </c>
      <c r="M171" s="54" t="s">
        <v>26</v>
      </c>
      <c r="N171" s="89"/>
      <c r="O171" s="89"/>
      <c r="P171" s="89"/>
      <c r="Q171" s="89"/>
      <c r="R171" s="89"/>
      <c r="S171" s="89"/>
      <c r="T171" s="89"/>
      <c r="U171" s="89"/>
      <c r="V171" s="89"/>
      <c r="W171" s="89"/>
      <c r="X171" s="113"/>
      <c r="Y171" s="80"/>
      <c r="Z171" s="68"/>
      <c r="AA171" s="68"/>
      <c r="AB171" s="69"/>
      <c r="AC171" s="80"/>
      <c r="AD171" s="68"/>
      <c r="AE171" s="68"/>
      <c r="AF171" s="69"/>
    </row>
    <row r="172" spans="1:32" ht="18.75" customHeight="1" x14ac:dyDescent="0.4">
      <c r="A172" s="45"/>
      <c r="B172" s="46"/>
      <c r="C172" s="61"/>
      <c r="D172" s="85" t="s">
        <v>11</v>
      </c>
      <c r="E172" s="49" t="s">
        <v>162</v>
      </c>
      <c r="F172" s="50"/>
      <c r="G172" s="49"/>
      <c r="H172" s="151" t="s">
        <v>146</v>
      </c>
      <c r="I172" s="53" t="s">
        <v>11</v>
      </c>
      <c r="J172" s="54" t="s">
        <v>25</v>
      </c>
      <c r="K172" s="54"/>
      <c r="L172" s="57" t="s">
        <v>11</v>
      </c>
      <c r="M172" s="64" t="s">
        <v>26</v>
      </c>
      <c r="N172" s="54"/>
      <c r="O172" s="54"/>
      <c r="P172" s="54"/>
      <c r="Q172" s="55"/>
      <c r="R172" s="55"/>
      <c r="S172" s="55"/>
      <c r="T172" s="55"/>
      <c r="U172" s="55"/>
      <c r="V172" s="55"/>
      <c r="W172" s="55"/>
      <c r="X172" s="84"/>
      <c r="Y172" s="80"/>
      <c r="Z172" s="68"/>
      <c r="AA172" s="68"/>
      <c r="AB172" s="69"/>
      <c r="AC172" s="80"/>
      <c r="AD172" s="68"/>
      <c r="AE172" s="68"/>
      <c r="AF172" s="69"/>
    </row>
    <row r="173" spans="1:32" ht="18.75" customHeight="1" x14ac:dyDescent="0.4">
      <c r="A173" s="45"/>
      <c r="B173" s="46"/>
      <c r="C173" s="162"/>
      <c r="D173" s="48"/>
      <c r="E173" s="49"/>
      <c r="F173" s="50"/>
      <c r="G173" s="49"/>
      <c r="H173" s="151" t="s">
        <v>147</v>
      </c>
      <c r="I173" s="53" t="s">
        <v>11</v>
      </c>
      <c r="J173" s="54" t="s">
        <v>25</v>
      </c>
      <c r="K173" s="54"/>
      <c r="L173" s="57" t="s">
        <v>11</v>
      </c>
      <c r="M173" s="64" t="s">
        <v>26</v>
      </c>
      <c r="N173" s="54"/>
      <c r="O173" s="54"/>
      <c r="P173" s="54"/>
      <c r="Q173" s="55"/>
      <c r="R173" s="55"/>
      <c r="S173" s="55"/>
      <c r="T173" s="55"/>
      <c r="U173" s="55"/>
      <c r="V173" s="55"/>
      <c r="W173" s="55"/>
      <c r="X173" s="84"/>
      <c r="Y173" s="80"/>
      <c r="Z173" s="68"/>
      <c r="AA173" s="68"/>
      <c r="AB173" s="69"/>
      <c r="AC173" s="80"/>
      <c r="AD173" s="68"/>
      <c r="AE173" s="68"/>
      <c r="AF173" s="69"/>
    </row>
    <row r="174" spans="1:32" ht="18.75" customHeight="1" x14ac:dyDescent="0.4">
      <c r="A174" s="45"/>
      <c r="B174" s="46"/>
      <c r="C174" s="61"/>
      <c r="D174" s="48"/>
      <c r="E174" s="49"/>
      <c r="F174" s="50"/>
      <c r="G174" s="62"/>
      <c r="H174" s="155" t="s">
        <v>125</v>
      </c>
      <c r="I174" s="53" t="s">
        <v>11</v>
      </c>
      <c r="J174" s="54" t="s">
        <v>25</v>
      </c>
      <c r="K174" s="54"/>
      <c r="L174" s="57" t="s">
        <v>11</v>
      </c>
      <c r="M174" s="54" t="s">
        <v>45</v>
      </c>
      <c r="N174" s="54"/>
      <c r="O174" s="57" t="s">
        <v>11</v>
      </c>
      <c r="P174" s="54" t="s">
        <v>46</v>
      </c>
      <c r="Q174" s="58"/>
      <c r="R174" s="58"/>
      <c r="S174" s="58"/>
      <c r="T174" s="58"/>
      <c r="U174" s="94"/>
      <c r="V174" s="94"/>
      <c r="W174" s="94"/>
      <c r="X174" s="95"/>
      <c r="Y174" s="80"/>
      <c r="Z174" s="68"/>
      <c r="AA174" s="68"/>
      <c r="AB174" s="69"/>
      <c r="AC174" s="80"/>
      <c r="AD174" s="68"/>
      <c r="AE174" s="68"/>
      <c r="AF174" s="69"/>
    </row>
    <row r="175" spans="1:32" ht="18.75" customHeight="1" x14ac:dyDescent="0.4">
      <c r="A175" s="45"/>
      <c r="B175" s="46"/>
      <c r="C175" s="61"/>
      <c r="D175" s="48"/>
      <c r="E175" s="49"/>
      <c r="F175" s="50"/>
      <c r="G175" s="62"/>
      <c r="H175" s="81" t="s">
        <v>48</v>
      </c>
      <c r="I175" s="53" t="s">
        <v>11</v>
      </c>
      <c r="J175" s="54" t="s">
        <v>25</v>
      </c>
      <c r="K175" s="54"/>
      <c r="L175" s="57" t="s">
        <v>11</v>
      </c>
      <c r="M175" s="54" t="s">
        <v>49</v>
      </c>
      <c r="N175" s="54"/>
      <c r="O175" s="57" t="s">
        <v>11</v>
      </c>
      <c r="P175" s="54" t="s">
        <v>34</v>
      </c>
      <c r="Q175" s="89"/>
      <c r="R175" s="57" t="s">
        <v>11</v>
      </c>
      <c r="S175" s="54" t="s">
        <v>51</v>
      </c>
      <c r="T175" s="89"/>
      <c r="U175" s="89"/>
      <c r="V175" s="89"/>
      <c r="W175" s="89"/>
      <c r="X175" s="113"/>
      <c r="Y175" s="80"/>
      <c r="Z175" s="68"/>
      <c r="AA175" s="68"/>
      <c r="AB175" s="69"/>
      <c r="AC175" s="80"/>
      <c r="AD175" s="68"/>
      <c r="AE175" s="68"/>
      <c r="AF175" s="69"/>
    </row>
    <row r="176" spans="1:32" ht="18.75" customHeight="1" x14ac:dyDescent="0.4">
      <c r="A176" s="45"/>
      <c r="B176" s="46"/>
      <c r="C176" s="47"/>
      <c r="D176" s="48"/>
      <c r="E176" s="49"/>
      <c r="F176" s="50"/>
      <c r="G176" s="51"/>
      <c r="H176" s="91" t="s">
        <v>52</v>
      </c>
      <c r="I176" s="53" t="s">
        <v>11</v>
      </c>
      <c r="J176" s="54" t="s">
        <v>25</v>
      </c>
      <c r="K176" s="54"/>
      <c r="L176" s="57" t="s">
        <v>11</v>
      </c>
      <c r="M176" s="54" t="s">
        <v>49</v>
      </c>
      <c r="N176" s="54"/>
      <c r="O176" s="57" t="s">
        <v>11</v>
      </c>
      <c r="P176" s="54" t="s">
        <v>50</v>
      </c>
      <c r="Q176" s="54"/>
      <c r="R176" s="57" t="s">
        <v>11</v>
      </c>
      <c r="S176" s="54" t="s">
        <v>53</v>
      </c>
      <c r="T176" s="54"/>
      <c r="U176" s="58"/>
      <c r="V176" s="58"/>
      <c r="W176" s="58"/>
      <c r="X176" s="59"/>
      <c r="Y176" s="68"/>
      <c r="Z176" s="68"/>
      <c r="AA176" s="68"/>
      <c r="AB176" s="69"/>
      <c r="AC176" s="80"/>
      <c r="AD176" s="68"/>
      <c r="AE176" s="68"/>
      <c r="AF176" s="69"/>
    </row>
    <row r="177" spans="1:32" ht="18.75" customHeight="1" x14ac:dyDescent="0.4">
      <c r="A177" s="45"/>
      <c r="B177" s="46"/>
      <c r="C177" s="47"/>
      <c r="D177" s="48"/>
      <c r="E177" s="49"/>
      <c r="F177" s="50"/>
      <c r="G177" s="51"/>
      <c r="H177" s="92" t="s">
        <v>54</v>
      </c>
      <c r="I177" s="93" t="s">
        <v>11</v>
      </c>
      <c r="J177" s="83" t="s">
        <v>55</v>
      </c>
      <c r="K177" s="83"/>
      <c r="L177" s="82" t="s">
        <v>11</v>
      </c>
      <c r="M177" s="83" t="s">
        <v>56</v>
      </c>
      <c r="N177" s="83"/>
      <c r="O177" s="82" t="s">
        <v>11</v>
      </c>
      <c r="P177" s="83" t="s">
        <v>57</v>
      </c>
      <c r="Q177" s="83"/>
      <c r="R177" s="82"/>
      <c r="S177" s="83"/>
      <c r="T177" s="83"/>
      <c r="U177" s="94"/>
      <c r="V177" s="94"/>
      <c r="W177" s="94"/>
      <c r="X177" s="95"/>
      <c r="Y177" s="68"/>
      <c r="Z177" s="68"/>
      <c r="AA177" s="68"/>
      <c r="AB177" s="69"/>
      <c r="AC177" s="80"/>
      <c r="AD177" s="68"/>
      <c r="AE177" s="68"/>
      <c r="AF177" s="69"/>
    </row>
    <row r="178" spans="1:32" ht="19.5" customHeight="1" x14ac:dyDescent="0.4">
      <c r="A178" s="96"/>
      <c r="B178" s="97"/>
      <c r="C178" s="98"/>
      <c r="D178" s="34"/>
      <c r="E178" s="41"/>
      <c r="F178" s="99"/>
      <c r="G178" s="100"/>
      <c r="H178" s="101" t="s">
        <v>58</v>
      </c>
      <c r="I178" s="102" t="s">
        <v>11</v>
      </c>
      <c r="J178" s="103" t="s">
        <v>25</v>
      </c>
      <c r="K178" s="103"/>
      <c r="L178" s="104" t="s">
        <v>11</v>
      </c>
      <c r="M178" s="103" t="s">
        <v>26</v>
      </c>
      <c r="N178" s="103"/>
      <c r="O178" s="103"/>
      <c r="P178" s="103"/>
      <c r="Q178" s="105"/>
      <c r="R178" s="105"/>
      <c r="S178" s="105"/>
      <c r="T178" s="105"/>
      <c r="U178" s="105"/>
      <c r="V178" s="105"/>
      <c r="W178" s="105"/>
      <c r="X178" s="106"/>
      <c r="Y178" s="107"/>
      <c r="Z178" s="107"/>
      <c r="AA178" s="107"/>
      <c r="AB178" s="108"/>
      <c r="AC178" s="109"/>
      <c r="AD178" s="107"/>
      <c r="AE178" s="107"/>
      <c r="AF178" s="108"/>
    </row>
    <row r="179" spans="1:32" ht="18.75" customHeight="1" x14ac:dyDescent="0.4">
      <c r="A179" s="122"/>
      <c r="B179" s="123"/>
      <c r="C179" s="124"/>
      <c r="D179" s="125"/>
      <c r="E179" s="25"/>
      <c r="F179" s="125"/>
      <c r="G179" s="126"/>
      <c r="H179" s="127" t="s">
        <v>70</v>
      </c>
      <c r="I179" s="128" t="s">
        <v>11</v>
      </c>
      <c r="J179" s="110" t="s">
        <v>25</v>
      </c>
      <c r="K179" s="110"/>
      <c r="L179" s="129"/>
      <c r="M179" s="130" t="s">
        <v>11</v>
      </c>
      <c r="N179" s="110" t="s">
        <v>71</v>
      </c>
      <c r="O179" s="110"/>
      <c r="P179" s="129"/>
      <c r="Q179" s="130" t="s">
        <v>11</v>
      </c>
      <c r="R179" s="131" t="s">
        <v>72</v>
      </c>
      <c r="S179" s="131"/>
      <c r="T179" s="131"/>
      <c r="U179" s="131"/>
      <c r="V179" s="131"/>
      <c r="W179" s="131"/>
      <c r="X179" s="132"/>
      <c r="Y179" s="156" t="s">
        <v>11</v>
      </c>
      <c r="Z179" s="23" t="s">
        <v>23</v>
      </c>
      <c r="AA179" s="23"/>
      <c r="AB179" s="60"/>
      <c r="AC179" s="156" t="s">
        <v>11</v>
      </c>
      <c r="AD179" s="23" t="s">
        <v>23</v>
      </c>
      <c r="AE179" s="23"/>
      <c r="AF179" s="60"/>
    </row>
    <row r="180" spans="1:32" ht="19.5" customHeight="1" x14ac:dyDescent="0.4">
      <c r="A180" s="45"/>
      <c r="B180" s="46"/>
      <c r="C180" s="47"/>
      <c r="D180" s="48"/>
      <c r="E180" s="49"/>
      <c r="F180" s="50"/>
      <c r="G180" s="51"/>
      <c r="H180" s="88" t="s">
        <v>20</v>
      </c>
      <c r="I180" s="53" t="s">
        <v>11</v>
      </c>
      <c r="J180" s="54" t="s">
        <v>21</v>
      </c>
      <c r="K180" s="55"/>
      <c r="L180" s="56"/>
      <c r="M180" s="57" t="s">
        <v>11</v>
      </c>
      <c r="N180" s="54" t="s">
        <v>22</v>
      </c>
      <c r="O180" s="57"/>
      <c r="P180" s="54"/>
      <c r="Q180" s="58"/>
      <c r="R180" s="58"/>
      <c r="S180" s="58"/>
      <c r="T180" s="58"/>
      <c r="U180" s="58"/>
      <c r="V180" s="58"/>
      <c r="W180" s="58"/>
      <c r="X180" s="59"/>
      <c r="Y180" s="85" t="s">
        <v>11</v>
      </c>
      <c r="Z180" s="67" t="s">
        <v>27</v>
      </c>
      <c r="AA180" s="68"/>
      <c r="AB180" s="69"/>
      <c r="AC180" s="85" t="s">
        <v>11</v>
      </c>
      <c r="AD180" s="67" t="s">
        <v>27</v>
      </c>
      <c r="AE180" s="68"/>
      <c r="AF180" s="69"/>
    </row>
    <row r="181" spans="1:32" ht="19.5" customHeight="1" x14ac:dyDescent="0.4">
      <c r="A181" s="45"/>
      <c r="B181" s="46"/>
      <c r="C181" s="47"/>
      <c r="D181" s="48"/>
      <c r="E181" s="49"/>
      <c r="F181" s="50"/>
      <c r="G181" s="51"/>
      <c r="H181" s="88" t="s">
        <v>73</v>
      </c>
      <c r="I181" s="53" t="s">
        <v>11</v>
      </c>
      <c r="J181" s="54" t="s">
        <v>21</v>
      </c>
      <c r="K181" s="55"/>
      <c r="L181" s="56"/>
      <c r="M181" s="57" t="s">
        <v>11</v>
      </c>
      <c r="N181" s="54" t="s">
        <v>22</v>
      </c>
      <c r="O181" s="57"/>
      <c r="P181" s="54"/>
      <c r="Q181" s="58"/>
      <c r="R181" s="58"/>
      <c r="S181" s="58"/>
      <c r="T181" s="58"/>
      <c r="U181" s="58"/>
      <c r="V181" s="58"/>
      <c r="W181" s="58"/>
      <c r="X181" s="59"/>
      <c r="Y181" s="85"/>
      <c r="Z181" s="67"/>
      <c r="AA181" s="68"/>
      <c r="AB181" s="69"/>
      <c r="AC181" s="85"/>
      <c r="AD181" s="67"/>
      <c r="AE181" s="68"/>
      <c r="AF181" s="69"/>
    </row>
    <row r="182" spans="1:32" ht="18.75" customHeight="1" x14ac:dyDescent="0.4">
      <c r="A182" s="45"/>
      <c r="B182" s="46"/>
      <c r="C182" s="47"/>
      <c r="D182" s="48"/>
      <c r="E182" s="49"/>
      <c r="F182" s="50"/>
      <c r="G182" s="62"/>
      <c r="H182" s="86" t="s">
        <v>153</v>
      </c>
      <c r="I182" s="53" t="s">
        <v>11</v>
      </c>
      <c r="J182" s="54" t="s">
        <v>25</v>
      </c>
      <c r="K182" s="54"/>
      <c r="L182" s="57"/>
      <c r="M182" s="57" t="s">
        <v>11</v>
      </c>
      <c r="N182" s="54" t="s">
        <v>154</v>
      </c>
      <c r="O182" s="57"/>
      <c r="P182" s="57" t="s">
        <v>11</v>
      </c>
      <c r="Q182" s="54" t="s">
        <v>155</v>
      </c>
      <c r="R182" s="57"/>
      <c r="S182" s="54"/>
      <c r="T182" s="57"/>
      <c r="U182" s="54"/>
      <c r="V182" s="55"/>
      <c r="W182" s="58"/>
      <c r="X182" s="59"/>
      <c r="Y182" s="80"/>
      <c r="Z182" s="68"/>
      <c r="AA182" s="68"/>
      <c r="AB182" s="69"/>
      <c r="AC182" s="80"/>
      <c r="AD182" s="68"/>
      <c r="AE182" s="68"/>
      <c r="AF182" s="69"/>
    </row>
    <row r="183" spans="1:32" ht="18.75" customHeight="1" x14ac:dyDescent="0.4">
      <c r="A183" s="45"/>
      <c r="B183" s="46"/>
      <c r="C183" s="47"/>
      <c r="D183" s="48"/>
      <c r="E183" s="49"/>
      <c r="F183" s="50"/>
      <c r="G183" s="62"/>
      <c r="H183" s="81" t="s">
        <v>158</v>
      </c>
      <c r="I183" s="53" t="s">
        <v>11</v>
      </c>
      <c r="J183" s="54" t="s">
        <v>25</v>
      </c>
      <c r="K183" s="55"/>
      <c r="L183" s="57" t="s">
        <v>11</v>
      </c>
      <c r="M183" s="54" t="s">
        <v>26</v>
      </c>
      <c r="N183" s="89"/>
      <c r="O183" s="89"/>
      <c r="P183" s="89"/>
      <c r="Q183" s="89"/>
      <c r="R183" s="89"/>
      <c r="S183" s="89"/>
      <c r="T183" s="89"/>
      <c r="U183" s="89"/>
      <c r="V183" s="89"/>
      <c r="W183" s="89"/>
      <c r="X183" s="113"/>
      <c r="Y183" s="80"/>
      <c r="Z183" s="68"/>
      <c r="AA183" s="68"/>
      <c r="AB183" s="69"/>
      <c r="AC183" s="80"/>
      <c r="AD183" s="68"/>
      <c r="AE183" s="68"/>
      <c r="AF183" s="69"/>
    </row>
    <row r="184" spans="1:32" ht="18.75" customHeight="1" x14ac:dyDescent="0.4">
      <c r="A184" s="85" t="s">
        <v>11</v>
      </c>
      <c r="B184" s="46">
        <v>28</v>
      </c>
      <c r="C184" s="61" t="s">
        <v>151</v>
      </c>
      <c r="D184" s="85" t="s">
        <v>11</v>
      </c>
      <c r="E184" s="49" t="s">
        <v>152</v>
      </c>
      <c r="F184" s="50"/>
      <c r="G184" s="49"/>
      <c r="H184" s="151" t="s">
        <v>146</v>
      </c>
      <c r="I184" s="53" t="s">
        <v>11</v>
      </c>
      <c r="J184" s="54" t="s">
        <v>25</v>
      </c>
      <c r="K184" s="54"/>
      <c r="L184" s="57" t="s">
        <v>11</v>
      </c>
      <c r="M184" s="64" t="s">
        <v>26</v>
      </c>
      <c r="N184" s="54"/>
      <c r="O184" s="54"/>
      <c r="P184" s="54"/>
      <c r="Q184" s="55"/>
      <c r="R184" s="55"/>
      <c r="S184" s="55"/>
      <c r="T184" s="55"/>
      <c r="U184" s="55"/>
      <c r="V184" s="55"/>
      <c r="W184" s="55"/>
      <c r="X184" s="84"/>
      <c r="Y184" s="80"/>
      <c r="Z184" s="68"/>
      <c r="AA184" s="68"/>
      <c r="AB184" s="69"/>
      <c r="AC184" s="80"/>
      <c r="AD184" s="68"/>
      <c r="AE184" s="68"/>
      <c r="AF184" s="69"/>
    </row>
    <row r="185" spans="1:32" ht="18.75" customHeight="1" x14ac:dyDescent="0.4">
      <c r="A185" s="45"/>
      <c r="B185" s="46"/>
      <c r="C185" s="61" t="s">
        <v>156</v>
      </c>
      <c r="D185" s="85" t="s">
        <v>11</v>
      </c>
      <c r="E185" s="49" t="s">
        <v>157</v>
      </c>
      <c r="F185" s="50"/>
      <c r="G185" s="49"/>
      <c r="H185" s="151" t="s">
        <v>147</v>
      </c>
      <c r="I185" s="53" t="s">
        <v>11</v>
      </c>
      <c r="J185" s="54" t="s">
        <v>25</v>
      </c>
      <c r="K185" s="54"/>
      <c r="L185" s="57" t="s">
        <v>11</v>
      </c>
      <c r="M185" s="64" t="s">
        <v>26</v>
      </c>
      <c r="N185" s="54"/>
      <c r="O185" s="54"/>
      <c r="P185" s="54"/>
      <c r="Q185" s="55"/>
      <c r="R185" s="55"/>
      <c r="S185" s="55"/>
      <c r="T185" s="55"/>
      <c r="U185" s="55"/>
      <c r="V185" s="55"/>
      <c r="W185" s="55"/>
      <c r="X185" s="84"/>
      <c r="Y185" s="80"/>
      <c r="Z185" s="68"/>
      <c r="AA185" s="68"/>
      <c r="AB185" s="69"/>
      <c r="AC185" s="80"/>
      <c r="AD185" s="68"/>
      <c r="AE185" s="68"/>
      <c r="AF185" s="69"/>
    </row>
    <row r="186" spans="1:32" ht="18.75" customHeight="1" x14ac:dyDescent="0.4">
      <c r="A186" s="45"/>
      <c r="B186" s="46"/>
      <c r="C186" s="61" t="s">
        <v>163</v>
      </c>
      <c r="D186" s="85" t="s">
        <v>11</v>
      </c>
      <c r="E186" s="49" t="s">
        <v>160</v>
      </c>
      <c r="F186" s="50"/>
      <c r="G186" s="62"/>
      <c r="H186" s="155" t="s">
        <v>125</v>
      </c>
      <c r="I186" s="53" t="s">
        <v>11</v>
      </c>
      <c r="J186" s="54" t="s">
        <v>25</v>
      </c>
      <c r="K186" s="54"/>
      <c r="L186" s="57" t="s">
        <v>11</v>
      </c>
      <c r="M186" s="54" t="s">
        <v>45</v>
      </c>
      <c r="N186" s="54"/>
      <c r="O186" s="57" t="s">
        <v>11</v>
      </c>
      <c r="P186" s="54" t="s">
        <v>46</v>
      </c>
      <c r="Q186" s="58"/>
      <c r="R186" s="58"/>
      <c r="S186" s="58"/>
      <c r="T186" s="58"/>
      <c r="U186" s="94"/>
      <c r="V186" s="94"/>
      <c r="W186" s="94"/>
      <c r="X186" s="95"/>
      <c r="Y186" s="80"/>
      <c r="Z186" s="68"/>
      <c r="AA186" s="68"/>
      <c r="AB186" s="69"/>
      <c r="AC186" s="80"/>
      <c r="AD186" s="68"/>
      <c r="AE186" s="68"/>
      <c r="AF186" s="69"/>
    </row>
    <row r="187" spans="1:32" ht="18.75" customHeight="1" x14ac:dyDescent="0.4">
      <c r="A187" s="45"/>
      <c r="B187" s="46"/>
      <c r="C187" s="47"/>
      <c r="D187" s="85" t="s">
        <v>11</v>
      </c>
      <c r="E187" s="49" t="s">
        <v>161</v>
      </c>
      <c r="F187" s="50"/>
      <c r="G187" s="62"/>
      <c r="H187" s="81" t="s">
        <v>48</v>
      </c>
      <c r="I187" s="53" t="s">
        <v>11</v>
      </c>
      <c r="J187" s="54" t="s">
        <v>25</v>
      </c>
      <c r="K187" s="54"/>
      <c r="L187" s="57" t="s">
        <v>11</v>
      </c>
      <c r="M187" s="54" t="s">
        <v>49</v>
      </c>
      <c r="N187" s="54"/>
      <c r="O187" s="57" t="s">
        <v>11</v>
      </c>
      <c r="P187" s="54" t="s">
        <v>34</v>
      </c>
      <c r="Q187" s="89"/>
      <c r="R187" s="57" t="s">
        <v>11</v>
      </c>
      <c r="S187" s="54" t="s">
        <v>51</v>
      </c>
      <c r="T187" s="89"/>
      <c r="U187" s="89"/>
      <c r="V187" s="89"/>
      <c r="W187" s="89"/>
      <c r="X187" s="113"/>
      <c r="Y187" s="80"/>
      <c r="Z187" s="68"/>
      <c r="AA187" s="68"/>
      <c r="AB187" s="69"/>
      <c r="AC187" s="80"/>
      <c r="AD187" s="68"/>
      <c r="AE187" s="68"/>
      <c r="AF187" s="69"/>
    </row>
    <row r="188" spans="1:32" ht="18.75" customHeight="1" x14ac:dyDescent="0.4">
      <c r="A188" s="45"/>
      <c r="B188" s="46"/>
      <c r="C188" s="47"/>
      <c r="D188" s="48"/>
      <c r="E188" s="49"/>
      <c r="F188" s="50"/>
      <c r="G188" s="51"/>
      <c r="H188" s="91" t="s">
        <v>52</v>
      </c>
      <c r="I188" s="53" t="s">
        <v>11</v>
      </c>
      <c r="J188" s="54" t="s">
        <v>25</v>
      </c>
      <c r="K188" s="54"/>
      <c r="L188" s="57" t="s">
        <v>11</v>
      </c>
      <c r="M188" s="54" t="s">
        <v>49</v>
      </c>
      <c r="N188" s="54"/>
      <c r="O188" s="57" t="s">
        <v>11</v>
      </c>
      <c r="P188" s="54" t="s">
        <v>50</v>
      </c>
      <c r="Q188" s="54"/>
      <c r="R188" s="57" t="s">
        <v>11</v>
      </c>
      <c r="S188" s="54" t="s">
        <v>53</v>
      </c>
      <c r="T188" s="54"/>
      <c r="U188" s="58"/>
      <c r="V188" s="58"/>
      <c r="W188" s="58"/>
      <c r="X188" s="59"/>
      <c r="Y188" s="68"/>
      <c r="Z188" s="68"/>
      <c r="AA188" s="68"/>
      <c r="AB188" s="69"/>
      <c r="AC188" s="80"/>
      <c r="AD188" s="68"/>
      <c r="AE188" s="68"/>
      <c r="AF188" s="69"/>
    </row>
    <row r="189" spans="1:32" ht="18.75" customHeight="1" x14ac:dyDescent="0.4">
      <c r="A189" s="45"/>
      <c r="B189" s="46"/>
      <c r="C189" s="47"/>
      <c r="D189" s="48"/>
      <c r="E189" s="49"/>
      <c r="F189" s="50"/>
      <c r="G189" s="51"/>
      <c r="H189" s="92" t="s">
        <v>54</v>
      </c>
      <c r="I189" s="93" t="s">
        <v>11</v>
      </c>
      <c r="J189" s="83" t="s">
        <v>55</v>
      </c>
      <c r="K189" s="83"/>
      <c r="L189" s="82" t="s">
        <v>11</v>
      </c>
      <c r="M189" s="83" t="s">
        <v>56</v>
      </c>
      <c r="N189" s="83"/>
      <c r="O189" s="82" t="s">
        <v>11</v>
      </c>
      <c r="P189" s="83" t="s">
        <v>57</v>
      </c>
      <c r="Q189" s="83"/>
      <c r="R189" s="82"/>
      <c r="S189" s="83"/>
      <c r="T189" s="83"/>
      <c r="U189" s="94"/>
      <c r="V189" s="94"/>
      <c r="W189" s="94"/>
      <c r="X189" s="95"/>
      <c r="Y189" s="68"/>
      <c r="Z189" s="68"/>
      <c r="AA189" s="68"/>
      <c r="AB189" s="69"/>
      <c r="AC189" s="80"/>
      <c r="AD189" s="68"/>
      <c r="AE189" s="68"/>
      <c r="AF189" s="69"/>
    </row>
    <row r="190" spans="1:32" ht="19.5" customHeight="1" x14ac:dyDescent="0.4">
      <c r="A190" s="96"/>
      <c r="B190" s="97"/>
      <c r="C190" s="98"/>
      <c r="D190" s="34"/>
      <c r="E190" s="41"/>
      <c r="F190" s="99"/>
      <c r="G190" s="100"/>
      <c r="H190" s="101" t="s">
        <v>58</v>
      </c>
      <c r="I190" s="102" t="s">
        <v>11</v>
      </c>
      <c r="J190" s="103" t="s">
        <v>25</v>
      </c>
      <c r="K190" s="103"/>
      <c r="L190" s="104" t="s">
        <v>11</v>
      </c>
      <c r="M190" s="103" t="s">
        <v>26</v>
      </c>
      <c r="N190" s="103"/>
      <c r="O190" s="103"/>
      <c r="P190" s="103"/>
      <c r="Q190" s="105"/>
      <c r="R190" s="105"/>
      <c r="S190" s="105"/>
      <c r="T190" s="105"/>
      <c r="U190" s="105"/>
      <c r="V190" s="105"/>
      <c r="W190" s="105"/>
      <c r="X190" s="106"/>
      <c r="Y190" s="107"/>
      <c r="Z190" s="107"/>
      <c r="AA190" s="107"/>
      <c r="AB190" s="108"/>
      <c r="AC190" s="109"/>
      <c r="AD190" s="107"/>
      <c r="AE190" s="107"/>
      <c r="AF190" s="108"/>
    </row>
    <row r="191" spans="1:32" ht="18.75" customHeight="1" x14ac:dyDescent="0.4">
      <c r="A191" s="122"/>
      <c r="B191" s="123"/>
      <c r="C191" s="124"/>
      <c r="D191" s="125"/>
      <c r="E191" s="25"/>
      <c r="F191" s="125"/>
      <c r="G191" s="25"/>
      <c r="H191" s="127" t="s">
        <v>128</v>
      </c>
      <c r="I191" s="128" t="s">
        <v>11</v>
      </c>
      <c r="J191" s="110" t="s">
        <v>129</v>
      </c>
      <c r="K191" s="158"/>
      <c r="L191" s="129"/>
      <c r="M191" s="130" t="s">
        <v>11</v>
      </c>
      <c r="N191" s="110" t="s">
        <v>130</v>
      </c>
      <c r="O191" s="111"/>
      <c r="P191" s="111"/>
      <c r="Q191" s="111"/>
      <c r="R191" s="111"/>
      <c r="S191" s="111"/>
      <c r="T191" s="111"/>
      <c r="U191" s="111"/>
      <c r="V191" s="111"/>
      <c r="W191" s="111"/>
      <c r="X191" s="112"/>
      <c r="Y191" s="156" t="s">
        <v>11</v>
      </c>
      <c r="Z191" s="23" t="s">
        <v>23</v>
      </c>
      <c r="AA191" s="23"/>
      <c r="AB191" s="60"/>
      <c r="AC191" s="156" t="s">
        <v>11</v>
      </c>
      <c r="AD191" s="23" t="s">
        <v>23</v>
      </c>
      <c r="AE191" s="23"/>
      <c r="AF191" s="60"/>
    </row>
    <row r="192" spans="1:32" ht="18.75" customHeight="1" x14ac:dyDescent="0.4">
      <c r="A192" s="45"/>
      <c r="B192" s="46"/>
      <c r="C192" s="61"/>
      <c r="D192" s="50"/>
      <c r="E192" s="49"/>
      <c r="F192" s="50"/>
      <c r="G192" s="49"/>
      <c r="H192" s="114" t="s">
        <v>70</v>
      </c>
      <c r="I192" s="93" t="s">
        <v>11</v>
      </c>
      <c r="J192" s="83" t="s">
        <v>25</v>
      </c>
      <c r="K192" s="83"/>
      <c r="L192" s="163"/>
      <c r="M192" s="82" t="s">
        <v>11</v>
      </c>
      <c r="N192" s="83" t="s">
        <v>71</v>
      </c>
      <c r="O192" s="83"/>
      <c r="P192" s="163"/>
      <c r="Q192" s="82" t="s">
        <v>11</v>
      </c>
      <c r="R192" s="115" t="s">
        <v>72</v>
      </c>
      <c r="S192" s="115"/>
      <c r="T192" s="115"/>
      <c r="U192" s="115"/>
      <c r="V192" s="115"/>
      <c r="W192" s="115"/>
      <c r="X192" s="116"/>
      <c r="Y192" s="85" t="s">
        <v>11</v>
      </c>
      <c r="Z192" s="67" t="s">
        <v>27</v>
      </c>
      <c r="AA192" s="68"/>
      <c r="AB192" s="69"/>
      <c r="AC192" s="85" t="s">
        <v>11</v>
      </c>
      <c r="AD192" s="67" t="s">
        <v>27</v>
      </c>
      <c r="AE192" s="68"/>
      <c r="AF192" s="69"/>
    </row>
    <row r="193" spans="1:32" ht="18.75" customHeight="1" x14ac:dyDescent="0.4">
      <c r="A193" s="45"/>
      <c r="B193" s="46"/>
      <c r="C193" s="61"/>
      <c r="D193" s="50"/>
      <c r="E193" s="49"/>
      <c r="F193" s="50"/>
      <c r="G193" s="49"/>
      <c r="H193" s="120"/>
      <c r="I193" s="135" t="s">
        <v>11</v>
      </c>
      <c r="J193" s="64" t="s">
        <v>164</v>
      </c>
      <c r="K193" s="64"/>
      <c r="L193" s="65"/>
      <c r="M193" s="65"/>
      <c r="N193" s="65"/>
      <c r="O193" s="65"/>
      <c r="P193" s="65"/>
      <c r="Q193" s="65"/>
      <c r="R193" s="65"/>
      <c r="S193" s="65"/>
      <c r="T193" s="65"/>
      <c r="U193" s="65"/>
      <c r="V193" s="65"/>
      <c r="W193" s="65"/>
      <c r="X193" s="164"/>
      <c r="Y193" s="80"/>
      <c r="Z193" s="68"/>
      <c r="AA193" s="68"/>
      <c r="AB193" s="69"/>
      <c r="AC193" s="80"/>
      <c r="AD193" s="68"/>
      <c r="AE193" s="68"/>
      <c r="AF193" s="69"/>
    </row>
    <row r="194" spans="1:32" ht="18.75" customHeight="1" x14ac:dyDescent="0.4">
      <c r="A194" s="45"/>
      <c r="B194" s="46"/>
      <c r="C194" s="61"/>
      <c r="D194" s="50"/>
      <c r="E194" s="49"/>
      <c r="F194" s="50"/>
      <c r="G194" s="49"/>
      <c r="H194" s="81" t="s">
        <v>165</v>
      </c>
      <c r="I194" s="53" t="s">
        <v>11</v>
      </c>
      <c r="J194" s="54" t="s">
        <v>38</v>
      </c>
      <c r="K194" s="55"/>
      <c r="L194" s="56"/>
      <c r="M194" s="57" t="s">
        <v>11</v>
      </c>
      <c r="N194" s="54" t="s">
        <v>39</v>
      </c>
      <c r="O194" s="58"/>
      <c r="P194" s="58"/>
      <c r="Q194" s="58"/>
      <c r="R194" s="58"/>
      <c r="S194" s="58"/>
      <c r="T194" s="58"/>
      <c r="U194" s="58"/>
      <c r="V194" s="58"/>
      <c r="W194" s="58"/>
      <c r="X194" s="59"/>
      <c r="Y194" s="80"/>
      <c r="Z194" s="68"/>
      <c r="AA194" s="68"/>
      <c r="AB194" s="69"/>
      <c r="AC194" s="80"/>
      <c r="AD194" s="68"/>
      <c r="AE194" s="68"/>
      <c r="AF194" s="69"/>
    </row>
    <row r="195" spans="1:32" ht="18.75" customHeight="1" x14ac:dyDescent="0.4">
      <c r="A195" s="45"/>
      <c r="B195" s="46"/>
      <c r="C195" s="61"/>
      <c r="D195" s="50"/>
      <c r="E195" s="49"/>
      <c r="F195" s="50"/>
      <c r="G195" s="49"/>
      <c r="H195" s="86" t="s">
        <v>132</v>
      </c>
      <c r="I195" s="53" t="s">
        <v>11</v>
      </c>
      <c r="J195" s="54" t="s">
        <v>21</v>
      </c>
      <c r="K195" s="55"/>
      <c r="L195" s="56"/>
      <c r="M195" s="57" t="s">
        <v>11</v>
      </c>
      <c r="N195" s="54" t="s">
        <v>133</v>
      </c>
      <c r="O195" s="58"/>
      <c r="P195" s="58"/>
      <c r="Q195" s="55"/>
      <c r="R195" s="55"/>
      <c r="S195" s="55"/>
      <c r="T195" s="55"/>
      <c r="U195" s="55"/>
      <c r="V195" s="55"/>
      <c r="W195" s="55"/>
      <c r="X195" s="84"/>
      <c r="Y195" s="80"/>
      <c r="Z195" s="68"/>
      <c r="AA195" s="68"/>
      <c r="AB195" s="69"/>
      <c r="AC195" s="80"/>
      <c r="AD195" s="68"/>
      <c r="AE195" s="68"/>
      <c r="AF195" s="69"/>
    </row>
    <row r="196" spans="1:32" ht="18.75" customHeight="1" x14ac:dyDescent="0.4">
      <c r="A196" s="45"/>
      <c r="B196" s="46"/>
      <c r="C196" s="61"/>
      <c r="D196" s="50"/>
      <c r="E196" s="49"/>
      <c r="F196" s="50"/>
      <c r="G196" s="49"/>
      <c r="H196" s="151" t="s">
        <v>166</v>
      </c>
      <c r="I196" s="53" t="s">
        <v>11</v>
      </c>
      <c r="J196" s="54" t="s">
        <v>21</v>
      </c>
      <c r="K196" s="55"/>
      <c r="L196" s="56"/>
      <c r="M196" s="57" t="s">
        <v>11</v>
      </c>
      <c r="N196" s="54" t="s">
        <v>133</v>
      </c>
      <c r="O196" s="58"/>
      <c r="P196" s="58"/>
      <c r="Q196" s="55"/>
      <c r="R196" s="55"/>
      <c r="S196" s="55"/>
      <c r="T196" s="55"/>
      <c r="U196" s="55"/>
      <c r="V196" s="55"/>
      <c r="W196" s="55"/>
      <c r="X196" s="84"/>
      <c r="Y196" s="80"/>
      <c r="Z196" s="68"/>
      <c r="AA196" s="68"/>
      <c r="AB196" s="69"/>
      <c r="AC196" s="80"/>
      <c r="AD196" s="68"/>
      <c r="AE196" s="68"/>
      <c r="AF196" s="69"/>
    </row>
    <row r="197" spans="1:32" ht="19.5" customHeight="1" x14ac:dyDescent="0.4">
      <c r="A197" s="45"/>
      <c r="B197" s="46"/>
      <c r="C197" s="47"/>
      <c r="D197" s="48"/>
      <c r="E197" s="49"/>
      <c r="F197" s="50"/>
      <c r="G197" s="51"/>
      <c r="H197" s="88" t="s">
        <v>20</v>
      </c>
      <c r="I197" s="53" t="s">
        <v>11</v>
      </c>
      <c r="J197" s="54" t="s">
        <v>21</v>
      </c>
      <c r="K197" s="55"/>
      <c r="L197" s="56"/>
      <c r="M197" s="57" t="s">
        <v>11</v>
      </c>
      <c r="N197" s="54" t="s">
        <v>22</v>
      </c>
      <c r="O197" s="57"/>
      <c r="P197" s="54"/>
      <c r="Q197" s="58"/>
      <c r="R197" s="58"/>
      <c r="S197" s="58"/>
      <c r="T197" s="58"/>
      <c r="U197" s="58"/>
      <c r="V197" s="58"/>
      <c r="W197" s="58"/>
      <c r="X197" s="59"/>
      <c r="Y197" s="68"/>
      <c r="Z197" s="68"/>
      <c r="AA197" s="68"/>
      <c r="AB197" s="69"/>
      <c r="AC197" s="80"/>
      <c r="AD197" s="68"/>
      <c r="AE197" s="68"/>
      <c r="AF197" s="69"/>
    </row>
    <row r="198" spans="1:32" ht="19.5" customHeight="1" x14ac:dyDescent="0.4">
      <c r="A198" s="45"/>
      <c r="B198" s="46"/>
      <c r="C198" s="47"/>
      <c r="D198" s="48"/>
      <c r="E198" s="49"/>
      <c r="F198" s="50"/>
      <c r="G198" s="51"/>
      <c r="H198" s="88" t="s">
        <v>73</v>
      </c>
      <c r="I198" s="53" t="s">
        <v>11</v>
      </c>
      <c r="J198" s="54" t="s">
        <v>21</v>
      </c>
      <c r="K198" s="55"/>
      <c r="L198" s="56"/>
      <c r="M198" s="57" t="s">
        <v>11</v>
      </c>
      <c r="N198" s="54" t="s">
        <v>22</v>
      </c>
      <c r="O198" s="57"/>
      <c r="P198" s="54"/>
      <c r="Q198" s="58"/>
      <c r="R198" s="58"/>
      <c r="S198" s="58"/>
      <c r="T198" s="58"/>
      <c r="U198" s="58"/>
      <c r="V198" s="58"/>
      <c r="W198" s="58"/>
      <c r="X198" s="59"/>
      <c r="Y198" s="68"/>
      <c r="Z198" s="68"/>
      <c r="AA198" s="68"/>
      <c r="AB198" s="69"/>
      <c r="AC198" s="80"/>
      <c r="AD198" s="68"/>
      <c r="AE198" s="68"/>
      <c r="AF198" s="69"/>
    </row>
    <row r="199" spans="1:32" ht="18.75" customHeight="1" x14ac:dyDescent="0.4">
      <c r="A199" s="45"/>
      <c r="B199" s="46"/>
      <c r="C199" s="61"/>
      <c r="D199" s="50"/>
      <c r="E199" s="49"/>
      <c r="F199" s="50"/>
      <c r="G199" s="49"/>
      <c r="H199" s="70" t="s">
        <v>167</v>
      </c>
      <c r="I199" s="71" t="s">
        <v>11</v>
      </c>
      <c r="J199" s="72" t="s">
        <v>25</v>
      </c>
      <c r="K199" s="72"/>
      <c r="L199" s="71" t="s">
        <v>11</v>
      </c>
      <c r="M199" s="72" t="s">
        <v>26</v>
      </c>
      <c r="N199" s="72"/>
      <c r="O199" s="83"/>
      <c r="P199" s="83"/>
      <c r="Q199" s="83"/>
      <c r="R199" s="83"/>
      <c r="S199" s="83"/>
      <c r="T199" s="83"/>
      <c r="U199" s="83"/>
      <c r="V199" s="83"/>
      <c r="W199" s="83"/>
      <c r="X199" s="149"/>
      <c r="Y199" s="80"/>
      <c r="Z199" s="68"/>
      <c r="AA199" s="68"/>
      <c r="AB199" s="69"/>
      <c r="AC199" s="80"/>
      <c r="AD199" s="68"/>
      <c r="AE199" s="68"/>
      <c r="AF199" s="69"/>
    </row>
    <row r="200" spans="1:32" ht="18.75" customHeight="1" x14ac:dyDescent="0.4">
      <c r="A200" s="45"/>
      <c r="B200" s="46"/>
      <c r="C200" s="61"/>
      <c r="D200" s="50"/>
      <c r="E200" s="49"/>
      <c r="F200" s="50"/>
      <c r="G200" s="49"/>
      <c r="H200" s="75"/>
      <c r="I200" s="76"/>
      <c r="J200" s="77"/>
      <c r="K200" s="77"/>
      <c r="L200" s="76"/>
      <c r="M200" s="77"/>
      <c r="N200" s="77"/>
      <c r="O200" s="64"/>
      <c r="P200" s="64"/>
      <c r="Q200" s="64"/>
      <c r="R200" s="64"/>
      <c r="S200" s="64"/>
      <c r="T200" s="64"/>
      <c r="U200" s="64"/>
      <c r="V200" s="64"/>
      <c r="W200" s="64"/>
      <c r="X200" s="66"/>
      <c r="Y200" s="80"/>
      <c r="Z200" s="68"/>
      <c r="AA200" s="68"/>
      <c r="AB200" s="69"/>
      <c r="AC200" s="80"/>
      <c r="AD200" s="68"/>
      <c r="AE200" s="68"/>
      <c r="AF200" s="69"/>
    </row>
    <row r="201" spans="1:32" ht="18.75" customHeight="1" x14ac:dyDescent="0.4">
      <c r="A201" s="45"/>
      <c r="B201" s="46"/>
      <c r="C201" s="61"/>
      <c r="D201" s="50"/>
      <c r="E201" s="49"/>
      <c r="F201" s="50"/>
      <c r="G201" s="49"/>
      <c r="H201" s="81" t="s">
        <v>168</v>
      </c>
      <c r="I201" s="53" t="s">
        <v>11</v>
      </c>
      <c r="J201" s="54" t="s">
        <v>25</v>
      </c>
      <c r="K201" s="55"/>
      <c r="L201" s="57" t="s">
        <v>11</v>
      </c>
      <c r="M201" s="54" t="s">
        <v>26</v>
      </c>
      <c r="N201" s="89"/>
      <c r="O201" s="89"/>
      <c r="P201" s="89"/>
      <c r="Q201" s="89"/>
      <c r="R201" s="89"/>
      <c r="S201" s="89"/>
      <c r="T201" s="89"/>
      <c r="U201" s="89"/>
      <c r="V201" s="89"/>
      <c r="W201" s="89"/>
      <c r="X201" s="113"/>
      <c r="Y201" s="80"/>
      <c r="Z201" s="68"/>
      <c r="AA201" s="68"/>
      <c r="AB201" s="69"/>
      <c r="AC201" s="80"/>
      <c r="AD201" s="68"/>
      <c r="AE201" s="68"/>
      <c r="AF201" s="69"/>
    </row>
    <row r="202" spans="1:32" ht="18.75" customHeight="1" x14ac:dyDescent="0.4">
      <c r="A202" s="45"/>
      <c r="B202" s="46"/>
      <c r="C202" s="61"/>
      <c r="D202" s="50"/>
      <c r="E202" s="49"/>
      <c r="F202" s="50"/>
      <c r="G202" s="49"/>
      <c r="H202" s="70" t="s">
        <v>169</v>
      </c>
      <c r="I202" s="71" t="s">
        <v>11</v>
      </c>
      <c r="J202" s="72" t="s">
        <v>25</v>
      </c>
      <c r="K202" s="72"/>
      <c r="L202" s="71" t="s">
        <v>11</v>
      </c>
      <c r="M202" s="72" t="s">
        <v>26</v>
      </c>
      <c r="N202" s="72"/>
      <c r="O202" s="83"/>
      <c r="P202" s="83"/>
      <c r="Q202" s="83"/>
      <c r="R202" s="83"/>
      <c r="S202" s="83"/>
      <c r="T202" s="83"/>
      <c r="U202" s="83"/>
      <c r="V202" s="83"/>
      <c r="W202" s="83"/>
      <c r="X202" s="149"/>
      <c r="Y202" s="80"/>
      <c r="Z202" s="68"/>
      <c r="AA202" s="68"/>
      <c r="AB202" s="69"/>
      <c r="AC202" s="80"/>
      <c r="AD202" s="68"/>
      <c r="AE202" s="68"/>
      <c r="AF202" s="69"/>
    </row>
    <row r="203" spans="1:32" ht="18.75" customHeight="1" x14ac:dyDescent="0.4">
      <c r="A203" s="45"/>
      <c r="B203" s="46"/>
      <c r="C203" s="61"/>
      <c r="D203" s="50"/>
      <c r="E203" s="49"/>
      <c r="F203" s="50"/>
      <c r="G203" s="49"/>
      <c r="H203" s="75"/>
      <c r="I203" s="76"/>
      <c r="J203" s="77"/>
      <c r="K203" s="77"/>
      <c r="L203" s="76"/>
      <c r="M203" s="77"/>
      <c r="N203" s="77"/>
      <c r="O203" s="64"/>
      <c r="P203" s="64"/>
      <c r="Q203" s="64"/>
      <c r="R203" s="64"/>
      <c r="S203" s="64"/>
      <c r="T203" s="64"/>
      <c r="U203" s="64"/>
      <c r="V203" s="64"/>
      <c r="W203" s="64"/>
      <c r="X203" s="66"/>
      <c r="Y203" s="80"/>
      <c r="Z203" s="68"/>
      <c r="AA203" s="68"/>
      <c r="AB203" s="69"/>
      <c r="AC203" s="80"/>
      <c r="AD203" s="68"/>
      <c r="AE203" s="68"/>
      <c r="AF203" s="69"/>
    </row>
    <row r="204" spans="1:32" ht="18.75" customHeight="1" x14ac:dyDescent="0.4">
      <c r="A204" s="45"/>
      <c r="B204" s="46"/>
      <c r="C204" s="61"/>
      <c r="D204" s="50"/>
      <c r="E204" s="49"/>
      <c r="F204" s="50"/>
      <c r="G204" s="49"/>
      <c r="H204" s="81" t="s">
        <v>170</v>
      </c>
      <c r="I204" s="53" t="s">
        <v>11</v>
      </c>
      <c r="J204" s="54" t="s">
        <v>25</v>
      </c>
      <c r="K204" s="55"/>
      <c r="L204" s="57" t="s">
        <v>11</v>
      </c>
      <c r="M204" s="54" t="s">
        <v>26</v>
      </c>
      <c r="N204" s="89"/>
      <c r="O204" s="89"/>
      <c r="P204" s="89"/>
      <c r="Q204" s="89"/>
      <c r="R204" s="89"/>
      <c r="S204" s="89"/>
      <c r="T204" s="89"/>
      <c r="U204" s="89"/>
      <c r="V204" s="89"/>
      <c r="W204" s="89"/>
      <c r="X204" s="113"/>
      <c r="Y204" s="80"/>
      <c r="Z204" s="68"/>
      <c r="AA204" s="68"/>
      <c r="AB204" s="69"/>
      <c r="AC204" s="80"/>
      <c r="AD204" s="68"/>
      <c r="AE204" s="68"/>
      <c r="AF204" s="69"/>
    </row>
    <row r="205" spans="1:32" ht="18.75" customHeight="1" x14ac:dyDescent="0.4">
      <c r="A205" s="45"/>
      <c r="B205" s="46"/>
      <c r="C205" s="61"/>
      <c r="D205" s="50"/>
      <c r="E205" s="49"/>
      <c r="F205" s="50"/>
      <c r="G205" s="49"/>
      <c r="H205" s="81" t="s">
        <v>171</v>
      </c>
      <c r="I205" s="53" t="s">
        <v>11</v>
      </c>
      <c r="J205" s="54" t="s">
        <v>25</v>
      </c>
      <c r="K205" s="55"/>
      <c r="L205" s="57" t="s">
        <v>11</v>
      </c>
      <c r="M205" s="54" t="s">
        <v>26</v>
      </c>
      <c r="N205" s="89"/>
      <c r="O205" s="89"/>
      <c r="P205" s="89"/>
      <c r="Q205" s="89"/>
      <c r="R205" s="89"/>
      <c r="S205" s="89"/>
      <c r="T205" s="89"/>
      <c r="U205" s="89"/>
      <c r="V205" s="89"/>
      <c r="W205" s="89"/>
      <c r="X205" s="113"/>
      <c r="Y205" s="80"/>
      <c r="Z205" s="68"/>
      <c r="AA205" s="68"/>
      <c r="AB205" s="69"/>
      <c r="AC205" s="80"/>
      <c r="AD205" s="68"/>
      <c r="AE205" s="68"/>
      <c r="AF205" s="69"/>
    </row>
    <row r="206" spans="1:32" ht="18.75" customHeight="1" x14ac:dyDescent="0.4">
      <c r="A206" s="45"/>
      <c r="B206" s="46"/>
      <c r="C206" s="61"/>
      <c r="D206" s="50"/>
      <c r="E206" s="49"/>
      <c r="F206" s="50"/>
      <c r="G206" s="49"/>
      <c r="H206" s="81" t="s">
        <v>172</v>
      </c>
      <c r="I206" s="93" t="s">
        <v>11</v>
      </c>
      <c r="J206" s="54" t="s">
        <v>25</v>
      </c>
      <c r="K206" s="54"/>
      <c r="L206" s="57" t="s">
        <v>11</v>
      </c>
      <c r="M206" s="54" t="s">
        <v>173</v>
      </c>
      <c r="N206" s="54"/>
      <c r="O206" s="55"/>
      <c r="P206" s="55"/>
      <c r="Q206" s="57" t="s">
        <v>11</v>
      </c>
      <c r="R206" s="54" t="s">
        <v>174</v>
      </c>
      <c r="S206" s="54"/>
      <c r="T206" s="55"/>
      <c r="U206" s="55"/>
      <c r="V206" s="55"/>
      <c r="W206" s="55"/>
      <c r="X206" s="84"/>
      <c r="Y206" s="80"/>
      <c r="Z206" s="68"/>
      <c r="AA206" s="68"/>
      <c r="AB206" s="69"/>
      <c r="AC206" s="80"/>
      <c r="AD206" s="68"/>
      <c r="AE206" s="68"/>
      <c r="AF206" s="69"/>
    </row>
    <row r="207" spans="1:32" ht="18.75" customHeight="1" x14ac:dyDescent="0.4">
      <c r="A207" s="45"/>
      <c r="B207" s="46"/>
      <c r="C207" s="61"/>
      <c r="D207" s="50"/>
      <c r="E207" s="49"/>
      <c r="F207" s="50"/>
      <c r="G207" s="49"/>
      <c r="H207" s="70" t="s">
        <v>175</v>
      </c>
      <c r="I207" s="71" t="s">
        <v>11</v>
      </c>
      <c r="J207" s="72" t="s">
        <v>25</v>
      </c>
      <c r="K207" s="72"/>
      <c r="L207" s="71" t="s">
        <v>11</v>
      </c>
      <c r="M207" s="72" t="s">
        <v>26</v>
      </c>
      <c r="N207" s="72"/>
      <c r="O207" s="83"/>
      <c r="P207" s="83"/>
      <c r="Q207" s="83"/>
      <c r="R207" s="83"/>
      <c r="S207" s="83"/>
      <c r="T207" s="83"/>
      <c r="U207" s="83"/>
      <c r="V207" s="83"/>
      <c r="W207" s="83"/>
      <c r="X207" s="149"/>
      <c r="Y207" s="80"/>
      <c r="Z207" s="68"/>
      <c r="AA207" s="68"/>
      <c r="AB207" s="69"/>
      <c r="AC207" s="80"/>
      <c r="AD207" s="68"/>
      <c r="AE207" s="68"/>
      <c r="AF207" s="69"/>
    </row>
    <row r="208" spans="1:32" ht="18.75" customHeight="1" x14ac:dyDescent="0.4">
      <c r="A208" s="45"/>
      <c r="B208" s="46"/>
      <c r="C208" s="61"/>
      <c r="D208" s="50"/>
      <c r="E208" s="49"/>
      <c r="F208" s="50"/>
      <c r="G208" s="49"/>
      <c r="H208" s="75"/>
      <c r="I208" s="76"/>
      <c r="J208" s="77"/>
      <c r="K208" s="77"/>
      <c r="L208" s="76"/>
      <c r="M208" s="77"/>
      <c r="N208" s="77"/>
      <c r="O208" s="64"/>
      <c r="P208" s="64"/>
      <c r="Q208" s="64"/>
      <c r="R208" s="64"/>
      <c r="S208" s="64"/>
      <c r="T208" s="64"/>
      <c r="U208" s="64"/>
      <c r="V208" s="64"/>
      <c r="W208" s="64"/>
      <c r="X208" s="66"/>
      <c r="Y208" s="80"/>
      <c r="Z208" s="68"/>
      <c r="AA208" s="68"/>
      <c r="AB208" s="69"/>
      <c r="AC208" s="80"/>
      <c r="AD208" s="68"/>
      <c r="AE208" s="68"/>
      <c r="AF208" s="69"/>
    </row>
    <row r="209" spans="1:32" ht="18.75" customHeight="1" x14ac:dyDescent="0.4">
      <c r="A209" s="45"/>
      <c r="B209" s="46"/>
      <c r="C209" s="61"/>
      <c r="F209" s="50"/>
      <c r="G209" s="49"/>
      <c r="H209" s="81" t="s">
        <v>176</v>
      </c>
      <c r="I209" s="53" t="s">
        <v>11</v>
      </c>
      <c r="J209" s="54" t="s">
        <v>38</v>
      </c>
      <c r="K209" s="55"/>
      <c r="L209" s="56"/>
      <c r="M209" s="57" t="s">
        <v>11</v>
      </c>
      <c r="N209" s="54" t="s">
        <v>39</v>
      </c>
      <c r="O209" s="58"/>
      <c r="P209" s="58"/>
      <c r="Q209" s="58"/>
      <c r="R209" s="58"/>
      <c r="S209" s="58"/>
      <c r="T209" s="58"/>
      <c r="U209" s="58"/>
      <c r="V209" s="58"/>
      <c r="W209" s="58"/>
      <c r="X209" s="59"/>
      <c r="Y209" s="80"/>
      <c r="Z209" s="68"/>
      <c r="AA209" s="68"/>
      <c r="AB209" s="69"/>
      <c r="AC209" s="80"/>
      <c r="AD209" s="68"/>
      <c r="AE209" s="68"/>
      <c r="AF209" s="69"/>
    </row>
    <row r="210" spans="1:32" ht="18.75" customHeight="1" x14ac:dyDescent="0.4">
      <c r="A210" s="45"/>
      <c r="B210" s="46"/>
      <c r="C210" s="61"/>
      <c r="D210" s="85" t="s">
        <v>11</v>
      </c>
      <c r="E210" s="49" t="s">
        <v>177</v>
      </c>
      <c r="F210" s="50"/>
      <c r="G210" s="49"/>
      <c r="H210" s="91" t="s">
        <v>86</v>
      </c>
      <c r="I210" s="53" t="s">
        <v>11</v>
      </c>
      <c r="J210" s="54" t="s">
        <v>25</v>
      </c>
      <c r="K210" s="54"/>
      <c r="L210" s="57" t="s">
        <v>11</v>
      </c>
      <c r="M210" s="54" t="s">
        <v>33</v>
      </c>
      <c r="N210" s="54"/>
      <c r="O210" s="57" t="s">
        <v>11</v>
      </c>
      <c r="P210" s="54" t="s">
        <v>34</v>
      </c>
      <c r="Q210" s="89"/>
      <c r="R210" s="89"/>
      <c r="S210" s="89"/>
      <c r="T210" s="89"/>
      <c r="U210" s="89"/>
      <c r="V210" s="89"/>
      <c r="W210" s="89"/>
      <c r="X210" s="113"/>
      <c r="Y210" s="80"/>
      <c r="Z210" s="68"/>
      <c r="AA210" s="68"/>
      <c r="AB210" s="69"/>
      <c r="AC210" s="80"/>
      <c r="AD210" s="68"/>
      <c r="AE210" s="68"/>
      <c r="AF210" s="69"/>
    </row>
    <row r="211" spans="1:32" ht="18.75" customHeight="1" x14ac:dyDescent="0.4">
      <c r="A211" s="45"/>
      <c r="B211" s="46"/>
      <c r="C211" s="61" t="s">
        <v>178</v>
      </c>
      <c r="D211" s="85" t="s">
        <v>11</v>
      </c>
      <c r="E211" s="49" t="s">
        <v>179</v>
      </c>
      <c r="F211" s="85" t="s">
        <v>11</v>
      </c>
      <c r="G211" s="49" t="s">
        <v>180</v>
      </c>
      <c r="H211" s="91" t="s">
        <v>107</v>
      </c>
      <c r="I211" s="53" t="s">
        <v>11</v>
      </c>
      <c r="J211" s="54" t="s">
        <v>25</v>
      </c>
      <c r="K211" s="55"/>
      <c r="L211" s="57" t="s">
        <v>11</v>
      </c>
      <c r="M211" s="54" t="s">
        <v>33</v>
      </c>
      <c r="O211" s="57" t="s">
        <v>11</v>
      </c>
      <c r="P211" s="54" t="s">
        <v>112</v>
      </c>
      <c r="Q211" s="89"/>
      <c r="R211" s="57" t="s">
        <v>11</v>
      </c>
      <c r="S211" s="54" t="s">
        <v>181</v>
      </c>
      <c r="T211" s="54"/>
      <c r="U211" s="54"/>
      <c r="V211" s="54"/>
      <c r="W211" s="89"/>
      <c r="X211" s="57"/>
      <c r="Y211" s="80"/>
      <c r="Z211" s="68"/>
      <c r="AA211" s="68"/>
      <c r="AB211" s="69"/>
      <c r="AC211" s="80"/>
      <c r="AD211" s="68"/>
      <c r="AE211" s="68"/>
      <c r="AF211" s="69"/>
    </row>
    <row r="212" spans="1:32" ht="18.75" customHeight="1" x14ac:dyDescent="0.4">
      <c r="A212" s="85" t="s">
        <v>11</v>
      </c>
      <c r="B212" s="46">
        <v>54</v>
      </c>
      <c r="C212" s="61" t="s">
        <v>182</v>
      </c>
      <c r="D212" s="50"/>
      <c r="E212" s="49" t="s">
        <v>183</v>
      </c>
      <c r="F212" s="85" t="s">
        <v>11</v>
      </c>
      <c r="G212" s="49" t="s">
        <v>184</v>
      </c>
      <c r="H212" s="151" t="s">
        <v>109</v>
      </c>
      <c r="I212" s="53" t="s">
        <v>11</v>
      </c>
      <c r="J212" s="54" t="s">
        <v>25</v>
      </c>
      <c r="K212" s="55"/>
      <c r="L212" s="57" t="s">
        <v>11</v>
      </c>
      <c r="M212" s="54" t="s">
        <v>26</v>
      </c>
      <c r="N212" s="89"/>
      <c r="O212" s="89"/>
      <c r="P212" s="89"/>
      <c r="Q212" s="89"/>
      <c r="R212" s="89"/>
      <c r="S212" s="89"/>
      <c r="T212" s="89"/>
      <c r="U212" s="89"/>
      <c r="V212" s="89"/>
      <c r="W212" s="89"/>
      <c r="X212" s="113"/>
      <c r="Y212" s="80"/>
      <c r="Z212" s="68"/>
      <c r="AA212" s="68"/>
      <c r="AB212" s="69"/>
      <c r="AC212" s="80"/>
      <c r="AD212" s="68"/>
      <c r="AE212" s="68"/>
      <c r="AF212" s="69"/>
    </row>
    <row r="213" spans="1:32" ht="18.75" customHeight="1" x14ac:dyDescent="0.4">
      <c r="A213" s="45"/>
      <c r="B213" s="46"/>
      <c r="C213" s="61" t="s">
        <v>185</v>
      </c>
      <c r="D213" s="85" t="s">
        <v>11</v>
      </c>
      <c r="E213" s="49" t="s">
        <v>186</v>
      </c>
      <c r="F213" s="50"/>
      <c r="G213" s="49"/>
      <c r="H213" s="81" t="s">
        <v>187</v>
      </c>
      <c r="I213" s="53" t="s">
        <v>11</v>
      </c>
      <c r="J213" s="54" t="s">
        <v>25</v>
      </c>
      <c r="K213" s="55"/>
      <c r="L213" s="57" t="s">
        <v>11</v>
      </c>
      <c r="M213" s="54" t="s">
        <v>26</v>
      </c>
      <c r="N213" s="89"/>
      <c r="O213" s="89"/>
      <c r="P213" s="89"/>
      <c r="Q213" s="89"/>
      <c r="R213" s="89"/>
      <c r="S213" s="89"/>
      <c r="T213" s="89"/>
      <c r="U213" s="89"/>
      <c r="V213" s="89"/>
      <c r="W213" s="89"/>
      <c r="X213" s="113"/>
      <c r="Y213" s="80"/>
      <c r="Z213" s="68"/>
      <c r="AA213" s="68"/>
      <c r="AB213" s="69"/>
      <c r="AC213" s="80"/>
      <c r="AD213" s="68"/>
      <c r="AE213" s="68"/>
      <c r="AF213" s="69"/>
    </row>
    <row r="214" spans="1:32" ht="18.75" customHeight="1" x14ac:dyDescent="0.4">
      <c r="A214" s="45"/>
      <c r="B214" s="46"/>
      <c r="C214" s="61"/>
      <c r="D214" s="85" t="s">
        <v>11</v>
      </c>
      <c r="E214" s="49" t="s">
        <v>188</v>
      </c>
      <c r="F214" s="50"/>
      <c r="G214" s="49"/>
      <c r="H214" s="81" t="s">
        <v>189</v>
      </c>
      <c r="I214" s="53" t="s">
        <v>11</v>
      </c>
      <c r="J214" s="54" t="s">
        <v>25</v>
      </c>
      <c r="K214" s="55"/>
      <c r="L214" s="57" t="s">
        <v>11</v>
      </c>
      <c r="M214" s="54" t="s">
        <v>26</v>
      </c>
      <c r="N214" s="89"/>
      <c r="O214" s="89"/>
      <c r="P214" s="89"/>
      <c r="Q214" s="89"/>
      <c r="R214" s="89"/>
      <c r="S214" s="89"/>
      <c r="T214" s="89"/>
      <c r="U214" s="89"/>
      <c r="V214" s="89"/>
      <c r="W214" s="89"/>
      <c r="X214" s="113"/>
      <c r="Y214" s="80"/>
      <c r="Z214" s="68"/>
      <c r="AA214" s="68"/>
      <c r="AB214" s="69"/>
      <c r="AC214" s="80"/>
      <c r="AD214" s="68"/>
      <c r="AE214" s="68"/>
      <c r="AF214" s="69"/>
    </row>
    <row r="215" spans="1:32" ht="18.75" customHeight="1" x14ac:dyDescent="0.4">
      <c r="A215" s="45"/>
      <c r="B215" s="46"/>
      <c r="C215" s="61"/>
      <c r="D215" s="50"/>
      <c r="E215" s="49" t="s">
        <v>190</v>
      </c>
      <c r="F215" s="50"/>
      <c r="G215" s="49"/>
      <c r="H215" s="81" t="s">
        <v>191</v>
      </c>
      <c r="I215" s="53" t="s">
        <v>11</v>
      </c>
      <c r="J215" s="54" t="s">
        <v>25</v>
      </c>
      <c r="K215" s="55"/>
      <c r="L215" s="57" t="s">
        <v>11</v>
      </c>
      <c r="M215" s="54" t="s">
        <v>26</v>
      </c>
      <c r="N215" s="89"/>
      <c r="O215" s="89"/>
      <c r="P215" s="89"/>
      <c r="Q215" s="89"/>
      <c r="R215" s="89"/>
      <c r="S215" s="89"/>
      <c r="T215" s="89"/>
      <c r="U215" s="89"/>
      <c r="V215" s="89"/>
      <c r="W215" s="89"/>
      <c r="X215" s="113"/>
      <c r="Y215" s="80"/>
      <c r="Z215" s="68"/>
      <c r="AA215" s="68"/>
      <c r="AB215" s="69"/>
      <c r="AC215" s="80"/>
      <c r="AD215" s="68"/>
      <c r="AE215" s="68"/>
      <c r="AF215" s="69"/>
    </row>
    <row r="216" spans="1:32" ht="18.75" customHeight="1" x14ac:dyDescent="0.4">
      <c r="A216" s="45"/>
      <c r="B216" s="46"/>
      <c r="C216" s="61"/>
      <c r="D216" s="50"/>
      <c r="E216" s="49"/>
      <c r="F216" s="50"/>
      <c r="G216" s="49"/>
      <c r="H216" s="81" t="s">
        <v>192</v>
      </c>
      <c r="I216" s="93" t="s">
        <v>11</v>
      </c>
      <c r="J216" s="54" t="s">
        <v>25</v>
      </c>
      <c r="K216" s="54"/>
      <c r="L216" s="57" t="s">
        <v>11</v>
      </c>
      <c r="M216" s="54" t="s">
        <v>45</v>
      </c>
      <c r="N216" s="54"/>
      <c r="O216" s="82" t="s">
        <v>11</v>
      </c>
      <c r="P216" s="54" t="s">
        <v>46</v>
      </c>
      <c r="Q216" s="89"/>
      <c r="R216" s="89"/>
      <c r="S216" s="89"/>
      <c r="T216" s="89"/>
      <c r="U216" s="89"/>
      <c r="V216" s="89"/>
      <c r="W216" s="89"/>
      <c r="X216" s="113"/>
      <c r="Y216" s="80"/>
      <c r="Z216" s="68"/>
      <c r="AA216" s="68"/>
      <c r="AB216" s="69"/>
      <c r="AC216" s="80"/>
      <c r="AD216" s="68"/>
      <c r="AE216" s="68"/>
      <c r="AF216" s="69"/>
    </row>
    <row r="217" spans="1:32" ht="18.75" customHeight="1" x14ac:dyDescent="0.4">
      <c r="A217" s="45"/>
      <c r="B217" s="46"/>
      <c r="C217" s="61"/>
      <c r="D217" s="50"/>
      <c r="E217" s="49"/>
      <c r="F217" s="50"/>
      <c r="G217" s="49"/>
      <c r="H217" s="151" t="s">
        <v>193</v>
      </c>
      <c r="I217" s="53" t="s">
        <v>11</v>
      </c>
      <c r="J217" s="54" t="s">
        <v>25</v>
      </c>
      <c r="K217" s="55"/>
      <c r="L217" s="57" t="s">
        <v>11</v>
      </c>
      <c r="M217" s="54" t="s">
        <v>26</v>
      </c>
      <c r="N217" s="89"/>
      <c r="O217" s="89"/>
      <c r="P217" s="89"/>
      <c r="Q217" s="89"/>
      <c r="R217" s="89"/>
      <c r="S217" s="89"/>
      <c r="T217" s="89"/>
      <c r="U217" s="89"/>
      <c r="V217" s="89"/>
      <c r="W217" s="89"/>
      <c r="X217" s="113"/>
      <c r="Y217" s="80"/>
      <c r="Z217" s="68"/>
      <c r="AA217" s="68"/>
      <c r="AB217" s="69"/>
      <c r="AC217" s="80"/>
      <c r="AD217" s="68"/>
      <c r="AE217" s="68"/>
      <c r="AF217" s="69"/>
    </row>
    <row r="218" spans="1:32" ht="18.75" customHeight="1" x14ac:dyDescent="0.4">
      <c r="A218" s="45"/>
      <c r="B218" s="46"/>
      <c r="C218" s="61"/>
      <c r="D218" s="50"/>
      <c r="E218" s="49"/>
      <c r="F218" s="50"/>
      <c r="G218" s="49"/>
      <c r="H218" s="81" t="s">
        <v>194</v>
      </c>
      <c r="I218" s="53" t="s">
        <v>11</v>
      </c>
      <c r="J218" s="54" t="s">
        <v>25</v>
      </c>
      <c r="K218" s="55"/>
      <c r="L218" s="57" t="s">
        <v>11</v>
      </c>
      <c r="M218" s="54" t="s">
        <v>26</v>
      </c>
      <c r="N218" s="89"/>
      <c r="O218" s="89"/>
      <c r="P218" s="89"/>
      <c r="Q218" s="89"/>
      <c r="R218" s="89"/>
      <c r="S218" s="89"/>
      <c r="T218" s="89"/>
      <c r="U218" s="89"/>
      <c r="V218" s="89"/>
      <c r="W218" s="89"/>
      <c r="X218" s="113"/>
      <c r="Y218" s="80"/>
      <c r="Z218" s="68"/>
      <c r="AA218" s="68"/>
      <c r="AB218" s="69"/>
      <c r="AC218" s="80"/>
      <c r="AD218" s="68"/>
      <c r="AE218" s="68"/>
      <c r="AF218" s="69"/>
    </row>
    <row r="219" spans="1:32" ht="18.75" customHeight="1" x14ac:dyDescent="0.4">
      <c r="A219" s="45"/>
      <c r="B219" s="46"/>
      <c r="C219" s="61"/>
      <c r="D219" s="50"/>
      <c r="E219" s="49"/>
      <c r="F219" s="50"/>
      <c r="G219" s="49"/>
      <c r="H219" s="81" t="s">
        <v>195</v>
      </c>
      <c r="I219" s="53" t="s">
        <v>11</v>
      </c>
      <c r="J219" s="54" t="s">
        <v>25</v>
      </c>
      <c r="K219" s="55"/>
      <c r="L219" s="57" t="s">
        <v>11</v>
      </c>
      <c r="M219" s="54" t="s">
        <v>26</v>
      </c>
      <c r="N219" s="89"/>
      <c r="O219" s="89"/>
      <c r="P219" s="89"/>
      <c r="Q219" s="89"/>
      <c r="R219" s="89"/>
      <c r="S219" s="89"/>
      <c r="T219" s="89"/>
      <c r="U219" s="89"/>
      <c r="V219" s="89"/>
      <c r="W219" s="89"/>
      <c r="X219" s="113"/>
      <c r="Y219" s="80"/>
      <c r="Z219" s="68"/>
      <c r="AA219" s="68"/>
      <c r="AB219" s="69"/>
      <c r="AC219" s="80"/>
      <c r="AD219" s="68"/>
      <c r="AE219" s="68"/>
      <c r="AF219" s="69"/>
    </row>
    <row r="220" spans="1:32" ht="18.75" customHeight="1" x14ac:dyDescent="0.4">
      <c r="A220" s="45"/>
      <c r="B220" s="46"/>
      <c r="C220" s="61"/>
      <c r="D220" s="50"/>
      <c r="E220" s="49"/>
      <c r="F220" s="50"/>
      <c r="G220" s="49"/>
      <c r="H220" s="81" t="s">
        <v>196</v>
      </c>
      <c r="I220" s="93" t="s">
        <v>11</v>
      </c>
      <c r="J220" s="54" t="s">
        <v>25</v>
      </c>
      <c r="K220" s="54"/>
      <c r="L220" s="57" t="s">
        <v>11</v>
      </c>
      <c r="M220" s="54" t="s">
        <v>45</v>
      </c>
      <c r="N220" s="54"/>
      <c r="O220" s="82" t="s">
        <v>11</v>
      </c>
      <c r="P220" s="54" t="s">
        <v>46</v>
      </c>
      <c r="Q220" s="89"/>
      <c r="R220" s="89"/>
      <c r="S220" s="89"/>
      <c r="T220" s="89"/>
      <c r="U220" s="89"/>
      <c r="V220" s="89"/>
      <c r="W220" s="89"/>
      <c r="X220" s="113"/>
      <c r="Y220" s="80"/>
      <c r="Z220" s="68"/>
      <c r="AA220" s="68"/>
      <c r="AB220" s="69"/>
      <c r="AC220" s="80"/>
      <c r="AD220" s="68"/>
      <c r="AE220" s="68"/>
      <c r="AF220" s="69"/>
    </row>
    <row r="221" spans="1:32" ht="18.75" customHeight="1" x14ac:dyDescent="0.4">
      <c r="A221" s="45"/>
      <c r="B221" s="46"/>
      <c r="C221" s="61"/>
      <c r="D221" s="50"/>
      <c r="E221" s="49"/>
      <c r="F221" s="50"/>
      <c r="G221" s="49"/>
      <c r="H221" s="81" t="s">
        <v>197</v>
      </c>
      <c r="I221" s="53" t="s">
        <v>11</v>
      </c>
      <c r="J221" s="54" t="s">
        <v>38</v>
      </c>
      <c r="K221" s="55"/>
      <c r="L221" s="56"/>
      <c r="M221" s="57" t="s">
        <v>11</v>
      </c>
      <c r="N221" s="54" t="s">
        <v>39</v>
      </c>
      <c r="O221" s="58"/>
      <c r="P221" s="58"/>
      <c r="Q221" s="58"/>
      <c r="R221" s="58"/>
      <c r="S221" s="58"/>
      <c r="T221" s="58"/>
      <c r="U221" s="58"/>
      <c r="V221" s="58"/>
      <c r="W221" s="58"/>
      <c r="X221" s="59"/>
      <c r="Y221" s="80"/>
      <c r="Z221" s="68"/>
      <c r="AA221" s="68"/>
      <c r="AB221" s="69"/>
      <c r="AC221" s="80"/>
      <c r="AD221" s="68"/>
      <c r="AE221" s="68"/>
      <c r="AF221" s="69"/>
    </row>
    <row r="222" spans="1:32" ht="18.75" customHeight="1" x14ac:dyDescent="0.4">
      <c r="A222" s="45"/>
      <c r="B222" s="46"/>
      <c r="C222" s="61"/>
      <c r="D222" s="50"/>
      <c r="E222" s="49"/>
      <c r="F222" s="50"/>
      <c r="G222" s="49"/>
      <c r="H222" s="81" t="s">
        <v>198</v>
      </c>
      <c r="I222" s="53" t="s">
        <v>11</v>
      </c>
      <c r="J222" s="54" t="s">
        <v>25</v>
      </c>
      <c r="K222" s="55"/>
      <c r="L222" s="57" t="s">
        <v>11</v>
      </c>
      <c r="M222" s="54" t="s">
        <v>26</v>
      </c>
      <c r="N222" s="89"/>
      <c r="O222" s="89"/>
      <c r="P222" s="89"/>
      <c r="Q222" s="89"/>
      <c r="R222" s="89"/>
      <c r="S222" s="89"/>
      <c r="T222" s="89"/>
      <c r="U222" s="89"/>
      <c r="V222" s="89"/>
      <c r="W222" s="89"/>
      <c r="X222" s="113"/>
      <c r="Y222" s="80"/>
      <c r="Z222" s="68"/>
      <c r="AA222" s="68"/>
      <c r="AB222" s="69"/>
      <c r="AC222" s="80"/>
      <c r="AD222" s="68"/>
      <c r="AE222" s="68"/>
      <c r="AF222" s="69"/>
    </row>
    <row r="223" spans="1:32" ht="18.75" customHeight="1" x14ac:dyDescent="0.4">
      <c r="A223" s="45"/>
      <c r="B223" s="46"/>
      <c r="C223" s="61"/>
      <c r="D223" s="50"/>
      <c r="E223" s="49"/>
      <c r="F223" s="50"/>
      <c r="G223" s="49"/>
      <c r="H223" s="81" t="s">
        <v>44</v>
      </c>
      <c r="I223" s="93" t="s">
        <v>11</v>
      </c>
      <c r="J223" s="54" t="s">
        <v>25</v>
      </c>
      <c r="K223" s="54"/>
      <c r="L223" s="57" t="s">
        <v>11</v>
      </c>
      <c r="M223" s="54" t="s">
        <v>45</v>
      </c>
      <c r="N223" s="54"/>
      <c r="O223" s="82" t="s">
        <v>11</v>
      </c>
      <c r="P223" s="54" t="s">
        <v>46</v>
      </c>
      <c r="Q223" s="89"/>
      <c r="R223" s="89"/>
      <c r="S223" s="89"/>
      <c r="T223" s="89"/>
      <c r="U223" s="89"/>
      <c r="V223" s="89"/>
      <c r="W223" s="89"/>
      <c r="X223" s="113"/>
      <c r="Y223" s="80"/>
      <c r="Z223" s="68"/>
      <c r="AA223" s="68"/>
      <c r="AB223" s="69"/>
      <c r="AC223" s="80"/>
      <c r="AD223" s="68"/>
      <c r="AE223" s="68"/>
      <c r="AF223" s="69"/>
    </row>
    <row r="224" spans="1:32" ht="18.75" customHeight="1" x14ac:dyDescent="0.4">
      <c r="A224" s="45"/>
      <c r="B224" s="46"/>
      <c r="C224" s="61"/>
      <c r="D224" s="50"/>
      <c r="E224" s="49"/>
      <c r="F224" s="50"/>
      <c r="G224" s="49"/>
      <c r="H224" s="151" t="s">
        <v>145</v>
      </c>
      <c r="I224" s="53" t="s">
        <v>11</v>
      </c>
      <c r="J224" s="54" t="s">
        <v>25</v>
      </c>
      <c r="K224" s="54"/>
      <c r="L224" s="57" t="s">
        <v>11</v>
      </c>
      <c r="M224" s="54" t="s">
        <v>45</v>
      </c>
      <c r="N224" s="54"/>
      <c r="O224" s="57" t="s">
        <v>11</v>
      </c>
      <c r="P224" s="54" t="s">
        <v>46</v>
      </c>
      <c r="Q224" s="55"/>
      <c r="R224" s="55"/>
      <c r="S224" s="55"/>
      <c r="T224" s="55"/>
      <c r="U224" s="55"/>
      <c r="V224" s="55"/>
      <c r="W224" s="55"/>
      <c r="X224" s="84"/>
      <c r="Y224" s="80"/>
      <c r="Z224" s="68"/>
      <c r="AA224" s="68"/>
      <c r="AB224" s="69"/>
      <c r="AC224" s="80"/>
      <c r="AD224" s="68"/>
      <c r="AE224" s="68"/>
      <c r="AF224" s="69"/>
    </row>
    <row r="225" spans="1:33" ht="18.75" customHeight="1" x14ac:dyDescent="0.4">
      <c r="A225" s="45"/>
      <c r="B225" s="46"/>
      <c r="C225" s="61"/>
      <c r="D225" s="50"/>
      <c r="E225" s="49"/>
      <c r="F225" s="50"/>
      <c r="G225" s="49"/>
      <c r="H225" s="151" t="s">
        <v>199</v>
      </c>
      <c r="I225" s="53" t="s">
        <v>11</v>
      </c>
      <c r="J225" s="54" t="s">
        <v>25</v>
      </c>
      <c r="K225" s="55"/>
      <c r="L225" s="57" t="s">
        <v>11</v>
      </c>
      <c r="M225" s="54" t="s">
        <v>26</v>
      </c>
      <c r="N225" s="89"/>
      <c r="O225" s="89"/>
      <c r="P225" s="89"/>
      <c r="Q225" s="89"/>
      <c r="R225" s="89"/>
      <c r="S225" s="89"/>
      <c r="T225" s="89"/>
      <c r="U225" s="89"/>
      <c r="V225" s="89"/>
      <c r="W225" s="89"/>
      <c r="X225" s="113"/>
      <c r="Y225" s="80"/>
      <c r="Z225" s="68"/>
      <c r="AA225" s="68"/>
      <c r="AB225" s="69"/>
      <c r="AC225" s="80"/>
      <c r="AD225" s="68"/>
      <c r="AE225" s="68"/>
      <c r="AF225" s="69"/>
    </row>
    <row r="226" spans="1:33" ht="18.75" customHeight="1" x14ac:dyDescent="0.4">
      <c r="A226" s="45"/>
      <c r="B226" s="46"/>
      <c r="C226" s="61"/>
      <c r="D226" s="50"/>
      <c r="E226" s="49"/>
      <c r="F226" s="50"/>
      <c r="G226" s="49"/>
      <c r="H226" s="165" t="s">
        <v>200</v>
      </c>
      <c r="I226" s="53" t="s">
        <v>11</v>
      </c>
      <c r="J226" s="54" t="s">
        <v>25</v>
      </c>
      <c r="K226" s="55"/>
      <c r="L226" s="57" t="s">
        <v>11</v>
      </c>
      <c r="M226" s="54" t="s">
        <v>26</v>
      </c>
      <c r="N226" s="89"/>
      <c r="O226" s="89"/>
      <c r="P226" s="89"/>
      <c r="Q226" s="89"/>
      <c r="R226" s="89"/>
      <c r="S226" s="89"/>
      <c r="T226" s="89"/>
      <c r="U226" s="89"/>
      <c r="V226" s="89"/>
      <c r="W226" s="89"/>
      <c r="X226" s="113"/>
      <c r="Y226" s="80"/>
      <c r="Z226" s="68"/>
      <c r="AA226" s="68"/>
      <c r="AB226" s="69"/>
      <c r="AC226" s="80"/>
      <c r="AD226" s="68"/>
      <c r="AE226" s="68"/>
      <c r="AF226" s="69"/>
    </row>
    <row r="227" spans="1:33" ht="18.75" customHeight="1" x14ac:dyDescent="0.4">
      <c r="A227" s="45"/>
      <c r="B227" s="46"/>
      <c r="C227" s="61"/>
      <c r="D227" s="50"/>
      <c r="E227" s="49"/>
      <c r="F227" s="50"/>
      <c r="G227" s="49"/>
      <c r="H227" s="151" t="s">
        <v>201</v>
      </c>
      <c r="I227" s="53" t="s">
        <v>11</v>
      </c>
      <c r="J227" s="54" t="s">
        <v>25</v>
      </c>
      <c r="K227" s="55"/>
      <c r="L227" s="57" t="s">
        <v>11</v>
      </c>
      <c r="M227" s="54" t="s">
        <v>26</v>
      </c>
      <c r="N227" s="89"/>
      <c r="O227" s="89"/>
      <c r="P227" s="89"/>
      <c r="Q227" s="89"/>
      <c r="R227" s="89"/>
      <c r="S227" s="89"/>
      <c r="T227" s="89"/>
      <c r="U227" s="89"/>
      <c r="V227" s="89"/>
      <c r="W227" s="89"/>
      <c r="X227" s="113"/>
      <c r="Y227" s="80"/>
      <c r="Z227" s="68"/>
      <c r="AA227" s="68"/>
      <c r="AB227" s="69"/>
      <c r="AC227" s="80"/>
      <c r="AD227" s="68"/>
      <c r="AE227" s="68"/>
      <c r="AF227" s="69"/>
    </row>
    <row r="228" spans="1:33" ht="18.75" customHeight="1" x14ac:dyDescent="0.4">
      <c r="A228" s="45"/>
      <c r="B228" s="46"/>
      <c r="C228" s="61"/>
      <c r="D228" s="50"/>
      <c r="E228" s="49"/>
      <c r="F228" s="50"/>
      <c r="G228" s="49"/>
      <c r="H228" s="151" t="s">
        <v>97</v>
      </c>
      <c r="I228" s="53" t="s">
        <v>11</v>
      </c>
      <c r="J228" s="54" t="s">
        <v>25</v>
      </c>
      <c r="K228" s="55"/>
      <c r="L228" s="57" t="s">
        <v>11</v>
      </c>
      <c r="M228" s="54" t="s">
        <v>26</v>
      </c>
      <c r="N228" s="89"/>
      <c r="O228" s="89"/>
      <c r="P228" s="89"/>
      <c r="Q228" s="89"/>
      <c r="R228" s="89"/>
      <c r="S228" s="89"/>
      <c r="T228" s="89"/>
      <c r="U228" s="89"/>
      <c r="V228" s="89"/>
      <c r="W228" s="89"/>
      <c r="X228" s="113"/>
      <c r="Y228" s="80"/>
      <c r="Z228" s="68"/>
      <c r="AA228" s="68"/>
      <c r="AB228" s="69"/>
      <c r="AC228" s="80"/>
      <c r="AD228" s="68"/>
      <c r="AE228" s="68"/>
      <c r="AF228" s="69"/>
    </row>
    <row r="229" spans="1:33" ht="18.75" customHeight="1" x14ac:dyDescent="0.4">
      <c r="A229" s="45"/>
      <c r="B229" s="46"/>
      <c r="C229" s="61"/>
      <c r="D229" s="50"/>
      <c r="E229" s="49"/>
      <c r="F229" s="50"/>
      <c r="G229" s="49"/>
      <c r="H229" s="151" t="s">
        <v>202</v>
      </c>
      <c r="I229" s="53" t="s">
        <v>11</v>
      </c>
      <c r="J229" s="54" t="s">
        <v>25</v>
      </c>
      <c r="K229" s="55"/>
      <c r="L229" s="57" t="s">
        <v>11</v>
      </c>
      <c r="M229" s="54" t="s">
        <v>26</v>
      </c>
      <c r="N229" s="89"/>
      <c r="O229" s="89"/>
      <c r="P229" s="89"/>
      <c r="Q229" s="89"/>
      <c r="R229" s="89"/>
      <c r="S229" s="89"/>
      <c r="T229" s="89"/>
      <c r="U229" s="89"/>
      <c r="V229" s="89"/>
      <c r="W229" s="89"/>
      <c r="X229" s="113"/>
      <c r="Y229" s="80"/>
      <c r="Z229" s="68"/>
      <c r="AA229" s="68"/>
      <c r="AB229" s="69"/>
      <c r="AC229" s="80"/>
      <c r="AD229" s="68"/>
      <c r="AE229" s="68"/>
      <c r="AF229" s="69"/>
    </row>
    <row r="230" spans="1:33" ht="18.75" customHeight="1" x14ac:dyDescent="0.4">
      <c r="A230" s="45"/>
      <c r="B230" s="46"/>
      <c r="C230" s="61"/>
      <c r="D230" s="85"/>
      <c r="E230" s="49"/>
      <c r="F230" s="50"/>
      <c r="G230" s="49"/>
      <c r="H230" s="151" t="s">
        <v>146</v>
      </c>
      <c r="I230" s="53" t="s">
        <v>11</v>
      </c>
      <c r="J230" s="54" t="s">
        <v>25</v>
      </c>
      <c r="K230" s="54"/>
      <c r="L230" s="57" t="s">
        <v>11</v>
      </c>
      <c r="M230" s="64" t="s">
        <v>26</v>
      </c>
      <c r="N230" s="54"/>
      <c r="O230" s="54"/>
      <c r="P230" s="54"/>
      <c r="Q230" s="55"/>
      <c r="R230" s="55"/>
      <c r="S230" s="55"/>
      <c r="T230" s="55"/>
      <c r="U230" s="55"/>
      <c r="V230" s="55"/>
      <c r="W230" s="55"/>
      <c r="X230" s="84"/>
      <c r="Y230" s="80"/>
      <c r="Z230" s="68"/>
      <c r="AA230" s="68"/>
      <c r="AB230" s="69"/>
      <c r="AC230" s="80"/>
      <c r="AD230" s="68"/>
      <c r="AE230" s="68"/>
      <c r="AF230" s="69"/>
    </row>
    <row r="231" spans="1:33" ht="18.75" customHeight="1" x14ac:dyDescent="0.4">
      <c r="A231" s="45"/>
      <c r="B231" s="46"/>
      <c r="C231" s="61"/>
      <c r="D231" s="85"/>
      <c r="E231" s="49"/>
      <c r="F231" s="50"/>
      <c r="G231" s="49"/>
      <c r="H231" s="151" t="s">
        <v>147</v>
      </c>
      <c r="I231" s="53" t="s">
        <v>11</v>
      </c>
      <c r="J231" s="54" t="s">
        <v>25</v>
      </c>
      <c r="K231" s="54"/>
      <c r="L231" s="57" t="s">
        <v>11</v>
      </c>
      <c r="M231" s="64" t="s">
        <v>26</v>
      </c>
      <c r="N231" s="54"/>
      <c r="O231" s="54"/>
      <c r="P231" s="54"/>
      <c r="Q231" s="55"/>
      <c r="R231" s="55"/>
      <c r="S231" s="55"/>
      <c r="T231" s="55"/>
      <c r="U231" s="55"/>
      <c r="V231" s="55"/>
      <c r="W231" s="55"/>
      <c r="X231" s="84"/>
      <c r="Y231" s="80"/>
      <c r="Z231" s="68"/>
      <c r="AA231" s="68"/>
      <c r="AB231" s="69"/>
      <c r="AC231" s="80"/>
      <c r="AD231" s="68"/>
      <c r="AE231" s="68"/>
      <c r="AF231" s="69"/>
    </row>
    <row r="232" spans="1:33" ht="18.75" customHeight="1" x14ac:dyDescent="0.4">
      <c r="A232" s="85"/>
      <c r="B232" s="46"/>
      <c r="C232" s="61"/>
      <c r="D232" s="85"/>
      <c r="E232" s="49"/>
      <c r="F232" s="50"/>
      <c r="G232" s="62"/>
      <c r="H232" s="155" t="s">
        <v>125</v>
      </c>
      <c r="I232" s="53" t="s">
        <v>11</v>
      </c>
      <c r="J232" s="54" t="s">
        <v>25</v>
      </c>
      <c r="K232" s="54"/>
      <c r="L232" s="57" t="s">
        <v>11</v>
      </c>
      <c r="M232" s="54" t="s">
        <v>45</v>
      </c>
      <c r="N232" s="54"/>
      <c r="O232" s="57" t="s">
        <v>11</v>
      </c>
      <c r="P232" s="54" t="s">
        <v>46</v>
      </c>
      <c r="Q232" s="58"/>
      <c r="R232" s="58"/>
      <c r="S232" s="58"/>
      <c r="T232" s="58"/>
      <c r="U232" s="94"/>
      <c r="V232" s="94"/>
      <c r="W232" s="94"/>
      <c r="X232" s="95"/>
      <c r="Y232" s="80"/>
      <c r="Z232" s="68"/>
      <c r="AA232" s="68"/>
      <c r="AB232" s="69"/>
      <c r="AC232" s="80"/>
      <c r="AD232" s="68"/>
      <c r="AE232" s="68"/>
      <c r="AF232" s="69"/>
    </row>
    <row r="233" spans="1:33" ht="18.75" customHeight="1" x14ac:dyDescent="0.4">
      <c r="A233" s="45"/>
      <c r="B233" s="46"/>
      <c r="C233" s="61"/>
      <c r="D233" s="50"/>
      <c r="E233" s="49"/>
      <c r="F233" s="50"/>
      <c r="G233" s="49"/>
      <c r="H233" s="81" t="s">
        <v>48</v>
      </c>
      <c r="I233" s="53" t="s">
        <v>11</v>
      </c>
      <c r="J233" s="54" t="s">
        <v>25</v>
      </c>
      <c r="K233" s="54"/>
      <c r="L233" s="57" t="s">
        <v>11</v>
      </c>
      <c r="M233" s="54" t="s">
        <v>49</v>
      </c>
      <c r="N233" s="54"/>
      <c r="O233" s="57" t="s">
        <v>11</v>
      </c>
      <c r="P233" s="54" t="s">
        <v>50</v>
      </c>
      <c r="Q233" s="89"/>
      <c r="R233" s="57" t="s">
        <v>11</v>
      </c>
      <c r="S233" s="54" t="s">
        <v>51</v>
      </c>
      <c r="T233" s="89"/>
      <c r="U233" s="89"/>
      <c r="V233" s="89"/>
      <c r="W233" s="89"/>
      <c r="X233" s="113"/>
      <c r="Y233" s="80"/>
      <c r="Z233" s="68"/>
      <c r="AA233" s="68"/>
      <c r="AB233" s="69"/>
      <c r="AC233" s="80"/>
      <c r="AD233" s="68"/>
      <c r="AE233" s="68"/>
      <c r="AF233" s="69"/>
    </row>
    <row r="234" spans="1:33" ht="18.75" customHeight="1" x14ac:dyDescent="0.4">
      <c r="A234" s="45"/>
      <c r="B234" s="46"/>
      <c r="C234" s="47"/>
      <c r="D234" s="48"/>
      <c r="E234" s="49"/>
      <c r="F234" s="50"/>
      <c r="G234" s="51"/>
      <c r="H234" s="91" t="s">
        <v>52</v>
      </c>
      <c r="I234" s="53" t="s">
        <v>11</v>
      </c>
      <c r="J234" s="54" t="s">
        <v>25</v>
      </c>
      <c r="K234" s="54"/>
      <c r="L234" s="57" t="s">
        <v>11</v>
      </c>
      <c r="M234" s="54" t="s">
        <v>49</v>
      </c>
      <c r="N234" s="54"/>
      <c r="O234" s="57" t="s">
        <v>11</v>
      </c>
      <c r="P234" s="54" t="s">
        <v>50</v>
      </c>
      <c r="Q234" s="54"/>
      <c r="R234" s="57" t="s">
        <v>11</v>
      </c>
      <c r="S234" s="54" t="s">
        <v>53</v>
      </c>
      <c r="T234" s="54"/>
      <c r="U234" s="58"/>
      <c r="V234" s="58"/>
      <c r="W234" s="58"/>
      <c r="X234" s="59"/>
      <c r="Y234" s="68"/>
      <c r="Z234" s="68"/>
      <c r="AA234" s="68"/>
      <c r="AB234" s="69"/>
      <c r="AC234" s="80"/>
      <c r="AD234" s="68"/>
      <c r="AE234" s="68"/>
      <c r="AF234" s="69"/>
    </row>
    <row r="235" spans="1:33" ht="18.75" customHeight="1" x14ac:dyDescent="0.4">
      <c r="A235" s="45"/>
      <c r="B235" s="46"/>
      <c r="C235" s="47"/>
      <c r="D235" s="48"/>
      <c r="E235" s="49"/>
      <c r="F235" s="50"/>
      <c r="G235" s="51"/>
      <c r="H235" s="92" t="s">
        <v>54</v>
      </c>
      <c r="I235" s="93" t="s">
        <v>11</v>
      </c>
      <c r="J235" s="83" t="s">
        <v>55</v>
      </c>
      <c r="K235" s="83"/>
      <c r="L235" s="82" t="s">
        <v>11</v>
      </c>
      <c r="M235" s="83" t="s">
        <v>56</v>
      </c>
      <c r="N235" s="83"/>
      <c r="O235" s="82" t="s">
        <v>11</v>
      </c>
      <c r="P235" s="83" t="s">
        <v>57</v>
      </c>
      <c r="Q235" s="83"/>
      <c r="R235" s="82"/>
      <c r="S235" s="83"/>
      <c r="T235" s="83"/>
      <c r="U235" s="94"/>
      <c r="V235" s="94"/>
      <c r="W235" s="94"/>
      <c r="X235" s="95"/>
      <c r="Y235" s="68"/>
      <c r="Z235" s="68"/>
      <c r="AA235" s="68"/>
      <c r="AB235" s="69"/>
      <c r="AC235" s="80"/>
      <c r="AD235" s="68"/>
      <c r="AE235" s="68"/>
      <c r="AF235" s="69"/>
    </row>
    <row r="236" spans="1:33" ht="19.5" customHeight="1" x14ac:dyDescent="0.4">
      <c r="A236" s="96"/>
      <c r="B236" s="97"/>
      <c r="C236" s="98"/>
      <c r="D236" s="34"/>
      <c r="E236" s="41"/>
      <c r="F236" s="99"/>
      <c r="G236" s="100"/>
      <c r="H236" s="101" t="s">
        <v>58</v>
      </c>
      <c r="I236" s="102" t="s">
        <v>11</v>
      </c>
      <c r="J236" s="103" t="s">
        <v>25</v>
      </c>
      <c r="K236" s="103"/>
      <c r="L236" s="104" t="s">
        <v>11</v>
      </c>
      <c r="M236" s="103" t="s">
        <v>26</v>
      </c>
      <c r="N236" s="103"/>
      <c r="O236" s="103"/>
      <c r="P236" s="103"/>
      <c r="Q236" s="105"/>
      <c r="R236" s="105"/>
      <c r="S236" s="105"/>
      <c r="T236" s="105"/>
      <c r="U236" s="105"/>
      <c r="V236" s="105"/>
      <c r="W236" s="105"/>
      <c r="X236" s="106"/>
      <c r="Y236" s="107"/>
      <c r="Z236" s="107"/>
      <c r="AA236" s="107"/>
      <c r="AB236" s="108"/>
      <c r="AC236" s="109"/>
      <c r="AD236" s="107"/>
      <c r="AE236" s="107"/>
      <c r="AF236" s="108"/>
    </row>
    <row r="237" spans="1:33" s="121" customFormat="1" ht="18.75" customHeight="1" x14ac:dyDescent="0.4">
      <c r="A237" s="122"/>
      <c r="B237" s="123"/>
      <c r="C237" s="124"/>
      <c r="D237" s="125"/>
      <c r="E237" s="25"/>
      <c r="F237" s="125"/>
      <c r="G237" s="126"/>
      <c r="H237" s="127" t="s">
        <v>114</v>
      </c>
      <c r="I237" s="128" t="s">
        <v>11</v>
      </c>
      <c r="J237" s="110" t="s">
        <v>25</v>
      </c>
      <c r="K237" s="110"/>
      <c r="L237" s="129"/>
      <c r="M237" s="130" t="s">
        <v>11</v>
      </c>
      <c r="N237" s="110" t="s">
        <v>71</v>
      </c>
      <c r="O237" s="110"/>
      <c r="P237" s="129"/>
      <c r="Q237" s="130" t="s">
        <v>11</v>
      </c>
      <c r="R237" s="131" t="s">
        <v>72</v>
      </c>
      <c r="S237" s="131"/>
      <c r="T237" s="131"/>
      <c r="U237" s="131"/>
      <c r="V237" s="131"/>
      <c r="W237" s="131"/>
      <c r="X237" s="132"/>
      <c r="Y237" s="156" t="s">
        <v>11</v>
      </c>
      <c r="Z237" s="23" t="s">
        <v>23</v>
      </c>
      <c r="AA237" s="23"/>
      <c r="AB237" s="60"/>
      <c r="AC237" s="156" t="s">
        <v>11</v>
      </c>
      <c r="AD237" s="23" t="s">
        <v>23</v>
      </c>
      <c r="AE237" s="23"/>
      <c r="AF237" s="60"/>
      <c r="AG237" s="166"/>
    </row>
    <row r="238" spans="1:33" s="186" customFormat="1" ht="19.5" customHeight="1" x14ac:dyDescent="0.4">
      <c r="A238" s="167"/>
      <c r="B238" s="168"/>
      <c r="C238" s="169"/>
      <c r="D238" s="170"/>
      <c r="E238" s="171"/>
      <c r="F238" s="172"/>
      <c r="G238" s="173"/>
      <c r="H238" s="174" t="s">
        <v>20</v>
      </c>
      <c r="I238" s="175" t="s">
        <v>11</v>
      </c>
      <c r="J238" s="176" t="s">
        <v>21</v>
      </c>
      <c r="K238" s="177"/>
      <c r="L238" s="178"/>
      <c r="M238" s="179" t="s">
        <v>11</v>
      </c>
      <c r="N238" s="176" t="s">
        <v>22</v>
      </c>
      <c r="O238" s="179"/>
      <c r="P238" s="176"/>
      <c r="Q238" s="180"/>
      <c r="R238" s="180"/>
      <c r="S238" s="180"/>
      <c r="T238" s="180"/>
      <c r="U238" s="180"/>
      <c r="V238" s="180"/>
      <c r="W238" s="180"/>
      <c r="X238" s="181"/>
      <c r="Y238" s="182" t="s">
        <v>11</v>
      </c>
      <c r="Z238" s="183" t="s">
        <v>27</v>
      </c>
      <c r="AA238" s="184"/>
      <c r="AB238" s="185"/>
      <c r="AC238" s="182" t="s">
        <v>11</v>
      </c>
      <c r="AD238" s="183" t="s">
        <v>27</v>
      </c>
      <c r="AE238" s="184"/>
      <c r="AF238" s="185"/>
    </row>
    <row r="239" spans="1:33" s="186" customFormat="1" ht="19.5" customHeight="1" x14ac:dyDescent="0.4">
      <c r="A239" s="167"/>
      <c r="B239" s="168"/>
      <c r="C239" s="169"/>
      <c r="D239" s="170"/>
      <c r="E239" s="171"/>
      <c r="F239" s="172"/>
      <c r="G239" s="173"/>
      <c r="H239" s="174" t="s">
        <v>73</v>
      </c>
      <c r="I239" s="175" t="s">
        <v>11</v>
      </c>
      <c r="J239" s="176" t="s">
        <v>21</v>
      </c>
      <c r="K239" s="177"/>
      <c r="L239" s="178"/>
      <c r="M239" s="179" t="s">
        <v>11</v>
      </c>
      <c r="N239" s="176" t="s">
        <v>22</v>
      </c>
      <c r="O239" s="179"/>
      <c r="P239" s="176"/>
      <c r="Q239" s="180"/>
      <c r="R239" s="180"/>
      <c r="S239" s="180"/>
      <c r="T239" s="180"/>
      <c r="U239" s="180"/>
      <c r="V239" s="180"/>
      <c r="W239" s="180"/>
      <c r="X239" s="181"/>
      <c r="Y239" s="182"/>
      <c r="Z239" s="183"/>
      <c r="AA239" s="184"/>
      <c r="AB239" s="185"/>
      <c r="AC239" s="182"/>
      <c r="AD239" s="183"/>
      <c r="AE239" s="184"/>
      <c r="AF239" s="185"/>
    </row>
    <row r="240" spans="1:33" s="121" customFormat="1" ht="18.75" customHeight="1" x14ac:dyDescent="0.4">
      <c r="A240" s="45"/>
      <c r="B240" s="46"/>
      <c r="C240" s="61"/>
      <c r="D240" s="50"/>
      <c r="E240" s="49"/>
      <c r="F240" s="50"/>
      <c r="G240" s="62"/>
      <c r="H240" s="81" t="s">
        <v>203</v>
      </c>
      <c r="I240" s="53" t="s">
        <v>11</v>
      </c>
      <c r="J240" s="54" t="s">
        <v>25</v>
      </c>
      <c r="K240" s="55"/>
      <c r="L240" s="57" t="s">
        <v>11</v>
      </c>
      <c r="M240" s="54" t="s">
        <v>26</v>
      </c>
      <c r="N240" s="89"/>
      <c r="O240" s="89"/>
      <c r="P240" s="89"/>
      <c r="Q240" s="89"/>
      <c r="R240" s="89"/>
      <c r="S240" s="89"/>
      <c r="T240" s="89"/>
      <c r="U240" s="89"/>
      <c r="V240" s="89"/>
      <c r="W240" s="89"/>
      <c r="X240" s="113"/>
      <c r="Y240" s="80"/>
      <c r="Z240" s="68"/>
      <c r="AA240" s="68"/>
      <c r="AB240" s="69"/>
      <c r="AC240" s="80"/>
      <c r="AD240" s="68"/>
      <c r="AE240" s="68"/>
      <c r="AF240" s="69"/>
    </row>
    <row r="241" spans="1:32" s="121" customFormat="1" ht="18.75" customHeight="1" x14ac:dyDescent="0.4">
      <c r="A241" s="45"/>
      <c r="B241" s="46"/>
      <c r="C241" s="61"/>
      <c r="D241" s="50"/>
      <c r="E241" s="49"/>
      <c r="F241" s="50"/>
      <c r="G241" s="62"/>
      <c r="H241" s="81" t="s">
        <v>204</v>
      </c>
      <c r="I241" s="53" t="s">
        <v>11</v>
      </c>
      <c r="J241" s="54" t="s">
        <v>129</v>
      </c>
      <c r="K241" s="55"/>
      <c r="L241" s="56"/>
      <c r="M241" s="57" t="s">
        <v>11</v>
      </c>
      <c r="N241" s="54" t="s">
        <v>205</v>
      </c>
      <c r="O241" s="58"/>
      <c r="P241" s="58"/>
      <c r="Q241" s="58"/>
      <c r="R241" s="58"/>
      <c r="S241" s="58"/>
      <c r="T241" s="58"/>
      <c r="U241" s="58"/>
      <c r="V241" s="58"/>
      <c r="W241" s="58"/>
      <c r="X241" s="59"/>
      <c r="Y241" s="80"/>
      <c r="Z241" s="68"/>
      <c r="AA241" s="68"/>
      <c r="AB241" s="69"/>
      <c r="AC241" s="80"/>
      <c r="AD241" s="68"/>
      <c r="AE241" s="68"/>
      <c r="AF241" s="69"/>
    </row>
    <row r="242" spans="1:32" s="121" customFormat="1" ht="18.75" customHeight="1" x14ac:dyDescent="0.4">
      <c r="A242" s="45"/>
      <c r="B242" s="46"/>
      <c r="C242" s="61"/>
      <c r="D242" s="50"/>
      <c r="E242" s="49"/>
      <c r="F242" s="50"/>
      <c r="G242" s="62"/>
      <c r="H242" s="91" t="s">
        <v>115</v>
      </c>
      <c r="I242" s="53" t="s">
        <v>11</v>
      </c>
      <c r="J242" s="54" t="s">
        <v>25</v>
      </c>
      <c r="K242" s="55"/>
      <c r="L242" s="57" t="s">
        <v>11</v>
      </c>
      <c r="M242" s="54" t="s">
        <v>26</v>
      </c>
      <c r="N242" s="89"/>
      <c r="O242" s="89"/>
      <c r="P242" s="89"/>
      <c r="Q242" s="89"/>
      <c r="R242" s="89"/>
      <c r="S242" s="89"/>
      <c r="T242" s="89"/>
      <c r="U242" s="89"/>
      <c r="V242" s="89"/>
      <c r="W242" s="89"/>
      <c r="X242" s="113"/>
      <c r="Y242" s="80"/>
      <c r="Z242" s="68"/>
      <c r="AA242" s="68"/>
      <c r="AB242" s="69"/>
      <c r="AC242" s="80"/>
      <c r="AD242" s="68"/>
      <c r="AE242" s="68"/>
      <c r="AF242" s="69"/>
    </row>
    <row r="243" spans="1:32" s="121" customFormat="1" ht="18.75" customHeight="1" x14ac:dyDescent="0.4">
      <c r="A243" s="45"/>
      <c r="B243" s="46"/>
      <c r="C243" s="61"/>
      <c r="D243" s="50"/>
      <c r="E243" s="49"/>
      <c r="F243" s="50"/>
      <c r="G243" s="62"/>
      <c r="H243" s="70" t="s">
        <v>28</v>
      </c>
      <c r="I243" s="71" t="s">
        <v>11</v>
      </c>
      <c r="J243" s="72" t="s">
        <v>29</v>
      </c>
      <c r="K243" s="72"/>
      <c r="L243" s="72"/>
      <c r="M243" s="71" t="s">
        <v>11</v>
      </c>
      <c r="N243" s="72" t="s">
        <v>30</v>
      </c>
      <c r="O243" s="72"/>
      <c r="P243" s="72"/>
      <c r="Q243" s="73"/>
      <c r="R243" s="73"/>
      <c r="S243" s="73"/>
      <c r="T243" s="73"/>
      <c r="U243" s="73"/>
      <c r="V243" s="73"/>
      <c r="W243" s="73"/>
      <c r="X243" s="74"/>
      <c r="Y243" s="80"/>
      <c r="Z243" s="68"/>
      <c r="AA243" s="68"/>
      <c r="AB243" s="69"/>
      <c r="AC243" s="80"/>
      <c r="AD243" s="68"/>
      <c r="AE243" s="68"/>
      <c r="AF243" s="69"/>
    </row>
    <row r="244" spans="1:32" s="121" customFormat="1" ht="18.75" customHeight="1" x14ac:dyDescent="0.4">
      <c r="A244" s="45"/>
      <c r="B244" s="46"/>
      <c r="C244" s="61"/>
      <c r="D244" s="50"/>
      <c r="E244" s="49"/>
      <c r="F244" s="50"/>
      <c r="G244" s="62"/>
      <c r="H244" s="75"/>
      <c r="I244" s="76"/>
      <c r="J244" s="77"/>
      <c r="K244" s="77"/>
      <c r="L244" s="77"/>
      <c r="M244" s="76"/>
      <c r="N244" s="77"/>
      <c r="O244" s="77"/>
      <c r="P244" s="77"/>
      <c r="Q244" s="78"/>
      <c r="R244" s="78"/>
      <c r="S244" s="78"/>
      <c r="T244" s="78"/>
      <c r="U244" s="78"/>
      <c r="V244" s="78"/>
      <c r="W244" s="78"/>
      <c r="X244" s="79"/>
      <c r="Y244" s="80"/>
      <c r="Z244" s="68"/>
      <c r="AA244" s="68"/>
      <c r="AB244" s="69"/>
      <c r="AC244" s="80"/>
      <c r="AD244" s="68"/>
      <c r="AE244" s="68"/>
      <c r="AF244" s="69"/>
    </row>
    <row r="245" spans="1:32" s="121" customFormat="1" ht="18.75" customHeight="1" x14ac:dyDescent="0.4">
      <c r="A245" s="45"/>
      <c r="B245" s="46"/>
      <c r="C245" s="61"/>
      <c r="D245" s="50"/>
      <c r="E245" s="49"/>
      <c r="F245" s="50"/>
      <c r="G245" s="62"/>
      <c r="H245" s="154" t="s">
        <v>93</v>
      </c>
      <c r="I245" s="93" t="s">
        <v>11</v>
      </c>
      <c r="J245" s="54" t="s">
        <v>25</v>
      </c>
      <c r="K245" s="54"/>
      <c r="L245" s="57" t="s">
        <v>11</v>
      </c>
      <c r="M245" s="54" t="s">
        <v>45</v>
      </c>
      <c r="N245" s="54"/>
      <c r="O245" s="82" t="s">
        <v>11</v>
      </c>
      <c r="P245" s="54" t="s">
        <v>46</v>
      </c>
      <c r="Q245" s="89"/>
      <c r="R245" s="82"/>
      <c r="S245" s="54"/>
      <c r="T245" s="89"/>
      <c r="U245" s="82"/>
      <c r="V245" s="54"/>
      <c r="W245" s="89"/>
      <c r="X245" s="79"/>
      <c r="Y245" s="80"/>
      <c r="Z245" s="68"/>
      <c r="AA245" s="68"/>
      <c r="AB245" s="69"/>
      <c r="AC245" s="80"/>
      <c r="AD245" s="68"/>
      <c r="AE245" s="68"/>
      <c r="AF245" s="69"/>
    </row>
    <row r="246" spans="1:32" s="121" customFormat="1" ht="18.75" customHeight="1" x14ac:dyDescent="0.4">
      <c r="A246" s="45"/>
      <c r="B246" s="46"/>
      <c r="C246" s="61"/>
      <c r="D246" s="50"/>
      <c r="E246" s="49"/>
      <c r="F246" s="50"/>
      <c r="G246" s="62"/>
      <c r="H246" s="81" t="s">
        <v>110</v>
      </c>
      <c r="I246" s="53" t="s">
        <v>11</v>
      </c>
      <c r="J246" s="54" t="s">
        <v>25</v>
      </c>
      <c r="K246" s="55"/>
      <c r="L246" s="57" t="s">
        <v>11</v>
      </c>
      <c r="M246" s="54" t="s">
        <v>26</v>
      </c>
      <c r="N246" s="89"/>
      <c r="O246" s="89"/>
      <c r="P246" s="89"/>
      <c r="Q246" s="89"/>
      <c r="R246" s="89"/>
      <c r="S246" s="89"/>
      <c r="T246" s="89"/>
      <c r="U246" s="89"/>
      <c r="V246" s="89"/>
      <c r="W246" s="89"/>
      <c r="X246" s="113"/>
      <c r="Y246" s="80"/>
      <c r="Z246" s="68"/>
      <c r="AA246" s="68"/>
      <c r="AB246" s="69"/>
      <c r="AC246" s="80"/>
      <c r="AD246" s="68"/>
      <c r="AE246" s="68"/>
      <c r="AF246" s="69"/>
    </row>
    <row r="247" spans="1:32" s="121" customFormat="1" ht="18.75" customHeight="1" x14ac:dyDescent="0.4">
      <c r="A247" s="45"/>
      <c r="B247" s="46"/>
      <c r="C247" s="61"/>
      <c r="D247" s="50"/>
      <c r="E247" s="49"/>
      <c r="F247" s="50"/>
      <c r="G247" s="62"/>
      <c r="H247" s="67" t="s">
        <v>95</v>
      </c>
      <c r="I247" s="53" t="s">
        <v>11</v>
      </c>
      <c r="J247" s="54" t="s">
        <v>25</v>
      </c>
      <c r="K247" s="55"/>
      <c r="L247" s="57" t="s">
        <v>11</v>
      </c>
      <c r="M247" s="54" t="s">
        <v>26</v>
      </c>
      <c r="N247" s="89"/>
      <c r="O247" s="89"/>
      <c r="P247" s="89"/>
      <c r="Q247" s="89"/>
      <c r="R247" s="89"/>
      <c r="S247" s="89"/>
      <c r="T247" s="89"/>
      <c r="U247" s="89"/>
      <c r="V247" s="89"/>
      <c r="W247" s="89"/>
      <c r="X247" s="113"/>
      <c r="Y247" s="80"/>
      <c r="Z247" s="68"/>
      <c r="AA247" s="68"/>
      <c r="AB247" s="69"/>
      <c r="AC247" s="80"/>
      <c r="AD247" s="68"/>
      <c r="AE247" s="68"/>
      <c r="AF247" s="69"/>
    </row>
    <row r="248" spans="1:32" s="121" customFormat="1" ht="18.75" customHeight="1" x14ac:dyDescent="0.4">
      <c r="A248" s="45"/>
      <c r="B248" s="46"/>
      <c r="C248" s="61"/>
      <c r="D248" s="50"/>
      <c r="E248" s="49"/>
      <c r="F248" s="50"/>
      <c r="G248" s="62"/>
      <c r="H248" s="91" t="s">
        <v>96</v>
      </c>
      <c r="I248" s="53" t="s">
        <v>11</v>
      </c>
      <c r="J248" s="54" t="s">
        <v>25</v>
      </c>
      <c r="K248" s="55"/>
      <c r="L248" s="57" t="s">
        <v>11</v>
      </c>
      <c r="M248" s="54" t="s">
        <v>26</v>
      </c>
      <c r="N248" s="89"/>
      <c r="O248" s="89"/>
      <c r="P248" s="89"/>
      <c r="Q248" s="89"/>
      <c r="R248" s="89"/>
      <c r="S248" s="89"/>
      <c r="T248" s="89"/>
      <c r="U248" s="89"/>
      <c r="V248" s="89"/>
      <c r="W248" s="89"/>
      <c r="X248" s="113"/>
      <c r="Y248" s="80"/>
      <c r="Z248" s="68"/>
      <c r="AA248" s="68"/>
      <c r="AB248" s="69"/>
      <c r="AC248" s="80"/>
      <c r="AD248" s="68"/>
      <c r="AE248" s="68"/>
      <c r="AF248" s="69"/>
    </row>
    <row r="249" spans="1:32" s="121" customFormat="1" ht="18.75" customHeight="1" x14ac:dyDescent="0.4">
      <c r="A249" s="45"/>
      <c r="B249" s="46"/>
      <c r="C249" s="61"/>
      <c r="D249" s="50"/>
      <c r="E249" s="49"/>
      <c r="F249" s="50"/>
      <c r="G249" s="62"/>
      <c r="H249" s="81" t="s">
        <v>206</v>
      </c>
      <c r="I249" s="53" t="s">
        <v>11</v>
      </c>
      <c r="J249" s="54" t="s">
        <v>25</v>
      </c>
      <c r="K249" s="55"/>
      <c r="L249" s="57" t="s">
        <v>11</v>
      </c>
      <c r="M249" s="54" t="s">
        <v>26</v>
      </c>
      <c r="N249" s="89"/>
      <c r="O249" s="89"/>
      <c r="P249" s="89"/>
      <c r="Q249" s="89"/>
      <c r="R249" s="89"/>
      <c r="S249" s="89"/>
      <c r="T249" s="89"/>
      <c r="U249" s="89"/>
      <c r="V249" s="89"/>
      <c r="W249" s="89"/>
      <c r="X249" s="113"/>
      <c r="Y249" s="80"/>
      <c r="Z249" s="68"/>
      <c r="AA249" s="68"/>
      <c r="AB249" s="69"/>
      <c r="AC249" s="80"/>
      <c r="AD249" s="68"/>
      <c r="AE249" s="68"/>
      <c r="AF249" s="69"/>
    </row>
    <row r="250" spans="1:32" s="121" customFormat="1" ht="18.75" customHeight="1" x14ac:dyDescent="0.4">
      <c r="A250" s="45"/>
      <c r="B250" s="46"/>
      <c r="C250" s="61"/>
      <c r="D250" s="50"/>
      <c r="E250" s="49"/>
      <c r="F250" s="50"/>
      <c r="G250" s="62"/>
      <c r="H250" s="81" t="s">
        <v>37</v>
      </c>
      <c r="I250" s="53" t="s">
        <v>11</v>
      </c>
      <c r="J250" s="54" t="s">
        <v>38</v>
      </c>
      <c r="K250" s="55"/>
      <c r="L250" s="56"/>
      <c r="M250" s="57" t="s">
        <v>11</v>
      </c>
      <c r="N250" s="54" t="s">
        <v>39</v>
      </c>
      <c r="O250" s="58"/>
      <c r="P250" s="58"/>
      <c r="Q250" s="58"/>
      <c r="R250" s="58"/>
      <c r="S250" s="58"/>
      <c r="T250" s="58"/>
      <c r="U250" s="58"/>
      <c r="V250" s="58"/>
      <c r="W250" s="58"/>
      <c r="X250" s="59"/>
      <c r="Y250" s="80"/>
      <c r="Z250" s="68"/>
      <c r="AA250" s="68"/>
      <c r="AB250" s="69"/>
      <c r="AC250" s="80"/>
      <c r="AD250" s="68"/>
      <c r="AE250" s="68"/>
      <c r="AF250" s="69"/>
    </row>
    <row r="251" spans="1:32" s="121" customFormat="1" ht="18.75" customHeight="1" x14ac:dyDescent="0.4">
      <c r="A251" s="45"/>
      <c r="B251" s="46"/>
      <c r="C251" s="61" t="s">
        <v>207</v>
      </c>
      <c r="D251" s="85" t="s">
        <v>11</v>
      </c>
      <c r="E251" s="49" t="s">
        <v>208</v>
      </c>
      <c r="F251" s="50"/>
      <c r="G251" s="51"/>
      <c r="H251" s="91" t="s">
        <v>209</v>
      </c>
      <c r="I251" s="93" t="s">
        <v>11</v>
      </c>
      <c r="J251" s="54" t="s">
        <v>25</v>
      </c>
      <c r="K251" s="55"/>
      <c r="L251" s="57" t="s">
        <v>11</v>
      </c>
      <c r="M251" s="54" t="s">
        <v>26</v>
      </c>
      <c r="N251" s="54"/>
      <c r="O251" s="89"/>
      <c r="P251" s="89"/>
      <c r="Q251" s="89"/>
      <c r="R251" s="89"/>
      <c r="S251" s="89"/>
      <c r="T251" s="89"/>
      <c r="U251" s="89"/>
      <c r="V251" s="89"/>
      <c r="W251" s="89"/>
      <c r="X251" s="113"/>
      <c r="Y251" s="80"/>
      <c r="Z251" s="68"/>
      <c r="AA251" s="68"/>
      <c r="AB251" s="69"/>
      <c r="AC251" s="80"/>
      <c r="AD251" s="68"/>
      <c r="AE251" s="68"/>
      <c r="AF251" s="69"/>
    </row>
    <row r="252" spans="1:32" s="121" customFormat="1" ht="18.75" customHeight="1" x14ac:dyDescent="0.4">
      <c r="A252" s="85" t="s">
        <v>11</v>
      </c>
      <c r="B252" s="46">
        <v>77</v>
      </c>
      <c r="C252" s="61" t="s">
        <v>210</v>
      </c>
      <c r="D252" s="85" t="s">
        <v>11</v>
      </c>
      <c r="E252" s="49" t="s">
        <v>211</v>
      </c>
      <c r="F252" s="50"/>
      <c r="G252" s="62"/>
      <c r="H252" s="81" t="s">
        <v>42</v>
      </c>
      <c r="I252" s="53" t="s">
        <v>11</v>
      </c>
      <c r="J252" s="54" t="s">
        <v>25</v>
      </c>
      <c r="K252" s="55"/>
      <c r="L252" s="57" t="s">
        <v>11</v>
      </c>
      <c r="M252" s="54" t="s">
        <v>26</v>
      </c>
      <c r="N252" s="89"/>
      <c r="O252" s="89"/>
      <c r="P252" s="89"/>
      <c r="Q252" s="89"/>
      <c r="R252" s="89"/>
      <c r="S252" s="89"/>
      <c r="T252" s="89"/>
      <c r="U252" s="89"/>
      <c r="V252" s="89"/>
      <c r="W252" s="89"/>
      <c r="X252" s="113"/>
      <c r="Y252" s="80"/>
      <c r="Z252" s="68"/>
      <c r="AA252" s="68"/>
      <c r="AB252" s="69"/>
      <c r="AC252" s="80"/>
      <c r="AD252" s="68"/>
      <c r="AE252" s="68"/>
      <c r="AF252" s="69"/>
    </row>
    <row r="253" spans="1:32" s="121" customFormat="1" ht="18.75" customHeight="1" x14ac:dyDescent="0.4">
      <c r="A253" s="45"/>
      <c r="B253" s="46"/>
      <c r="C253" s="61" t="s">
        <v>212</v>
      </c>
      <c r="D253" s="50"/>
      <c r="E253" s="49" t="s">
        <v>124</v>
      </c>
      <c r="F253" s="50"/>
      <c r="G253" s="51"/>
      <c r="H253" s="91" t="s">
        <v>213</v>
      </c>
      <c r="I253" s="93" t="s">
        <v>11</v>
      </c>
      <c r="J253" s="54" t="s">
        <v>25</v>
      </c>
      <c r="K253" s="55"/>
      <c r="L253" s="57" t="s">
        <v>11</v>
      </c>
      <c r="M253" s="54" t="s">
        <v>26</v>
      </c>
      <c r="N253" s="54"/>
      <c r="O253" s="89"/>
      <c r="P253" s="89"/>
      <c r="Q253" s="89"/>
      <c r="R253" s="89"/>
      <c r="S253" s="89"/>
      <c r="T253" s="89"/>
      <c r="U253" s="89"/>
      <c r="V253" s="89"/>
      <c r="W253" s="89"/>
      <c r="X253" s="113"/>
      <c r="Y253" s="80"/>
      <c r="Z253" s="68"/>
      <c r="AA253" s="68"/>
      <c r="AB253" s="69"/>
      <c r="AC253" s="80"/>
      <c r="AD253" s="68"/>
      <c r="AE253" s="68"/>
      <c r="AF253" s="69"/>
    </row>
    <row r="254" spans="1:32" s="121" customFormat="1" ht="18.75" customHeight="1" x14ac:dyDescent="0.4">
      <c r="A254" s="45"/>
      <c r="B254" s="46"/>
      <c r="C254" s="61"/>
      <c r="D254" s="50"/>
      <c r="E254" s="49"/>
      <c r="F254" s="50"/>
      <c r="G254" s="62"/>
      <c r="H254" s="81" t="s">
        <v>214</v>
      </c>
      <c r="I254" s="53" t="s">
        <v>11</v>
      </c>
      <c r="J254" s="54" t="s">
        <v>25</v>
      </c>
      <c r="K254" s="54"/>
      <c r="L254" s="57" t="s">
        <v>11</v>
      </c>
      <c r="M254" s="54" t="s">
        <v>33</v>
      </c>
      <c r="N254" s="54"/>
      <c r="O254" s="57" t="s">
        <v>11</v>
      </c>
      <c r="P254" s="54" t="s">
        <v>34</v>
      </c>
      <c r="Q254" s="89"/>
      <c r="R254" s="89"/>
      <c r="S254" s="89"/>
      <c r="T254" s="89"/>
      <c r="U254" s="89"/>
      <c r="V254" s="89"/>
      <c r="W254" s="89"/>
      <c r="X254" s="113"/>
      <c r="Y254" s="80"/>
      <c r="Z254" s="68"/>
      <c r="AA254" s="68"/>
      <c r="AB254" s="69"/>
      <c r="AC254" s="80"/>
      <c r="AD254" s="68"/>
      <c r="AE254" s="68"/>
      <c r="AF254" s="69"/>
    </row>
    <row r="255" spans="1:32" s="121" customFormat="1" ht="18.75" customHeight="1" x14ac:dyDescent="0.4">
      <c r="A255" s="45"/>
      <c r="B255" s="46"/>
      <c r="C255" s="61"/>
      <c r="D255" s="50"/>
      <c r="E255" s="49"/>
      <c r="F255" s="50"/>
      <c r="G255" s="62"/>
      <c r="H255" s="81" t="s">
        <v>123</v>
      </c>
      <c r="I255" s="53" t="s">
        <v>11</v>
      </c>
      <c r="J255" s="54" t="s">
        <v>25</v>
      </c>
      <c r="K255" s="55"/>
      <c r="L255" s="57" t="s">
        <v>11</v>
      </c>
      <c r="M255" s="54" t="s">
        <v>26</v>
      </c>
      <c r="N255" s="89"/>
      <c r="O255" s="89"/>
      <c r="P255" s="89"/>
      <c r="Q255" s="89"/>
      <c r="R255" s="89"/>
      <c r="S255" s="89"/>
      <c r="T255" s="89"/>
      <c r="U255" s="89"/>
      <c r="V255" s="89"/>
      <c r="W255" s="89"/>
      <c r="X255" s="113"/>
      <c r="Y255" s="80"/>
      <c r="Z255" s="68"/>
      <c r="AA255" s="68"/>
      <c r="AB255" s="69"/>
      <c r="AC255" s="80"/>
      <c r="AD255" s="68"/>
      <c r="AE255" s="68"/>
      <c r="AF255" s="69"/>
    </row>
    <row r="256" spans="1:32" s="121" customFormat="1" ht="18.75" customHeight="1" x14ac:dyDescent="0.4">
      <c r="A256" s="45"/>
      <c r="B256" s="46"/>
      <c r="C256" s="61"/>
      <c r="D256" s="50"/>
      <c r="E256" s="49"/>
      <c r="F256" s="50"/>
      <c r="G256" s="62"/>
      <c r="H256" s="81" t="s">
        <v>43</v>
      </c>
      <c r="I256" s="53" t="s">
        <v>11</v>
      </c>
      <c r="J256" s="54" t="s">
        <v>25</v>
      </c>
      <c r="K256" s="55"/>
      <c r="L256" s="57" t="s">
        <v>11</v>
      </c>
      <c r="M256" s="54" t="s">
        <v>33</v>
      </c>
      <c r="N256" s="54"/>
      <c r="O256" s="82" t="s">
        <v>11</v>
      </c>
      <c r="P256" s="83" t="s">
        <v>34</v>
      </c>
      <c r="Q256" s="54"/>
      <c r="R256" s="54"/>
      <c r="S256" s="55"/>
      <c r="T256" s="54"/>
      <c r="U256" s="55"/>
      <c r="V256" s="55"/>
      <c r="W256" s="55"/>
      <c r="X256" s="84"/>
      <c r="Y256" s="80"/>
      <c r="Z256" s="68"/>
      <c r="AA256" s="68"/>
      <c r="AB256" s="69"/>
      <c r="AC256" s="80"/>
      <c r="AD256" s="68"/>
      <c r="AE256" s="68"/>
      <c r="AF256" s="69"/>
    </row>
    <row r="257" spans="1:33" s="121" customFormat="1" ht="18.75" customHeight="1" x14ac:dyDescent="0.4">
      <c r="A257" s="45"/>
      <c r="B257" s="46"/>
      <c r="C257" s="61"/>
      <c r="D257" s="50"/>
      <c r="E257" s="49"/>
      <c r="F257" s="50"/>
      <c r="G257" s="62"/>
      <c r="H257" s="151" t="s">
        <v>199</v>
      </c>
      <c r="I257" s="53" t="s">
        <v>11</v>
      </c>
      <c r="J257" s="54" t="s">
        <v>25</v>
      </c>
      <c r="K257" s="55"/>
      <c r="L257" s="57" t="s">
        <v>11</v>
      </c>
      <c r="M257" s="54" t="s">
        <v>26</v>
      </c>
      <c r="N257" s="89"/>
      <c r="O257" s="89"/>
      <c r="P257" s="89"/>
      <c r="Q257" s="89"/>
      <c r="R257" s="89"/>
      <c r="S257" s="89"/>
      <c r="T257" s="89"/>
      <c r="U257" s="89"/>
      <c r="V257" s="89"/>
      <c r="W257" s="89"/>
      <c r="X257" s="113"/>
      <c r="Y257" s="80"/>
      <c r="Z257" s="68"/>
      <c r="AA257" s="68"/>
      <c r="AB257" s="69"/>
      <c r="AC257" s="80"/>
      <c r="AD257" s="68"/>
      <c r="AE257" s="68"/>
      <c r="AF257" s="69"/>
    </row>
    <row r="258" spans="1:33" s="121" customFormat="1" ht="18.75" customHeight="1" x14ac:dyDescent="0.4">
      <c r="A258" s="45"/>
      <c r="B258" s="46"/>
      <c r="C258" s="61"/>
      <c r="D258" s="50"/>
      <c r="E258" s="49"/>
      <c r="F258" s="50"/>
      <c r="G258" s="62"/>
      <c r="H258" s="165" t="s">
        <v>200</v>
      </c>
      <c r="I258" s="53" t="s">
        <v>11</v>
      </c>
      <c r="J258" s="54" t="s">
        <v>25</v>
      </c>
      <c r="K258" s="55"/>
      <c r="L258" s="57" t="s">
        <v>11</v>
      </c>
      <c r="M258" s="54" t="s">
        <v>26</v>
      </c>
      <c r="N258" s="89"/>
      <c r="O258" s="89"/>
      <c r="P258" s="89"/>
      <c r="Q258" s="89"/>
      <c r="R258" s="89"/>
      <c r="S258" s="89"/>
      <c r="T258" s="89"/>
      <c r="U258" s="89"/>
      <c r="V258" s="89"/>
      <c r="W258" s="89"/>
      <c r="X258" s="113"/>
      <c r="Y258" s="80"/>
      <c r="Z258" s="68"/>
      <c r="AA258" s="68"/>
      <c r="AB258" s="69"/>
      <c r="AC258" s="80"/>
      <c r="AD258" s="68"/>
      <c r="AE258" s="68"/>
      <c r="AF258" s="69"/>
    </row>
    <row r="259" spans="1:33" s="121" customFormat="1" ht="18.75" customHeight="1" x14ac:dyDescent="0.4">
      <c r="A259" s="45"/>
      <c r="B259" s="46"/>
      <c r="C259" s="61"/>
      <c r="D259" s="50"/>
      <c r="E259" s="49"/>
      <c r="F259" s="50"/>
      <c r="G259" s="62"/>
      <c r="H259" s="91" t="s">
        <v>97</v>
      </c>
      <c r="I259" s="53" t="s">
        <v>11</v>
      </c>
      <c r="J259" s="54" t="s">
        <v>25</v>
      </c>
      <c r="K259" s="55"/>
      <c r="L259" s="57" t="s">
        <v>11</v>
      </c>
      <c r="M259" s="54" t="s">
        <v>26</v>
      </c>
      <c r="N259" s="89"/>
      <c r="O259" s="89"/>
      <c r="P259" s="89"/>
      <c r="Q259" s="89"/>
      <c r="R259" s="89"/>
      <c r="S259" s="89"/>
      <c r="T259" s="89"/>
      <c r="U259" s="89"/>
      <c r="V259" s="89"/>
      <c r="W259" s="89"/>
      <c r="X259" s="113"/>
      <c r="Y259" s="80"/>
      <c r="Z259" s="68"/>
      <c r="AA259" s="68"/>
      <c r="AB259" s="69"/>
      <c r="AC259" s="80"/>
      <c r="AD259" s="68"/>
      <c r="AE259" s="68"/>
      <c r="AF259" s="69"/>
    </row>
    <row r="260" spans="1:33" s="121" customFormat="1" ht="18.75" customHeight="1" x14ac:dyDescent="0.4">
      <c r="A260" s="45"/>
      <c r="B260" s="46"/>
      <c r="C260" s="61"/>
      <c r="D260" s="50"/>
      <c r="E260" s="49"/>
      <c r="F260" s="50"/>
      <c r="G260" s="62"/>
      <c r="H260" s="155" t="s">
        <v>125</v>
      </c>
      <c r="I260" s="53" t="s">
        <v>11</v>
      </c>
      <c r="J260" s="54" t="s">
        <v>25</v>
      </c>
      <c r="K260" s="54"/>
      <c r="L260" s="57" t="s">
        <v>11</v>
      </c>
      <c r="M260" s="54" t="s">
        <v>45</v>
      </c>
      <c r="N260" s="54"/>
      <c r="O260" s="57" t="s">
        <v>11</v>
      </c>
      <c r="P260" s="54" t="s">
        <v>46</v>
      </c>
      <c r="Q260" s="58"/>
      <c r="R260" s="58"/>
      <c r="S260" s="58"/>
      <c r="T260" s="58"/>
      <c r="U260" s="94"/>
      <c r="V260" s="94"/>
      <c r="W260" s="94"/>
      <c r="X260" s="95"/>
      <c r="Y260" s="80"/>
      <c r="Z260" s="68"/>
      <c r="AA260" s="68"/>
      <c r="AB260" s="69"/>
      <c r="AC260" s="80"/>
      <c r="AD260" s="68"/>
      <c r="AE260" s="68"/>
      <c r="AF260" s="69"/>
    </row>
    <row r="261" spans="1:33" s="121" customFormat="1" ht="18.75" customHeight="1" x14ac:dyDescent="0.4">
      <c r="A261" s="45"/>
      <c r="B261" s="46"/>
      <c r="C261" s="61"/>
      <c r="D261" s="50"/>
      <c r="E261" s="49"/>
      <c r="F261" s="50"/>
      <c r="G261" s="62"/>
      <c r="H261" s="81" t="s">
        <v>48</v>
      </c>
      <c r="I261" s="53" t="s">
        <v>11</v>
      </c>
      <c r="J261" s="54" t="s">
        <v>25</v>
      </c>
      <c r="K261" s="54"/>
      <c r="L261" s="57" t="s">
        <v>11</v>
      </c>
      <c r="M261" s="54" t="s">
        <v>49</v>
      </c>
      <c r="N261" s="54"/>
      <c r="O261" s="57" t="s">
        <v>11</v>
      </c>
      <c r="P261" s="54" t="s">
        <v>50</v>
      </c>
      <c r="Q261" s="89"/>
      <c r="R261" s="57" t="s">
        <v>11</v>
      </c>
      <c r="S261" s="54" t="s">
        <v>51</v>
      </c>
      <c r="T261" s="89"/>
      <c r="U261" s="89"/>
      <c r="V261" s="89"/>
      <c r="W261" s="89"/>
      <c r="X261" s="113"/>
      <c r="Y261" s="80"/>
      <c r="Z261" s="68"/>
      <c r="AA261" s="68"/>
      <c r="AB261" s="69"/>
      <c r="AC261" s="80"/>
      <c r="AD261" s="68"/>
      <c r="AE261" s="68"/>
      <c r="AF261" s="69"/>
    </row>
    <row r="262" spans="1:33" s="121" customFormat="1" ht="18.75" customHeight="1" x14ac:dyDescent="0.4">
      <c r="A262" s="45"/>
      <c r="B262" s="46"/>
      <c r="C262" s="47"/>
      <c r="D262" s="48"/>
      <c r="E262" s="49"/>
      <c r="F262" s="50"/>
      <c r="G262" s="51"/>
      <c r="H262" s="91" t="s">
        <v>52</v>
      </c>
      <c r="I262" s="53" t="s">
        <v>11</v>
      </c>
      <c r="J262" s="54" t="s">
        <v>25</v>
      </c>
      <c r="K262" s="54"/>
      <c r="L262" s="57" t="s">
        <v>11</v>
      </c>
      <c r="M262" s="54" t="s">
        <v>49</v>
      </c>
      <c r="N262" s="54"/>
      <c r="O262" s="57" t="s">
        <v>11</v>
      </c>
      <c r="P262" s="54" t="s">
        <v>50</v>
      </c>
      <c r="Q262" s="54"/>
      <c r="R262" s="57" t="s">
        <v>11</v>
      </c>
      <c r="S262" s="54" t="s">
        <v>53</v>
      </c>
      <c r="T262" s="54"/>
      <c r="U262" s="58"/>
      <c r="V262" s="58"/>
      <c r="W262" s="58"/>
      <c r="X262" s="59"/>
      <c r="Y262" s="68"/>
      <c r="Z262" s="68"/>
      <c r="AA262" s="68"/>
      <c r="AB262" s="69"/>
      <c r="AC262" s="80"/>
      <c r="AD262" s="68"/>
      <c r="AE262" s="68"/>
      <c r="AF262" s="69"/>
    </row>
    <row r="263" spans="1:33" s="121" customFormat="1" ht="18.75" customHeight="1" x14ac:dyDescent="0.4">
      <c r="A263" s="45"/>
      <c r="B263" s="46"/>
      <c r="C263" s="47"/>
      <c r="D263" s="48"/>
      <c r="E263" s="49"/>
      <c r="F263" s="50"/>
      <c r="G263" s="51"/>
      <c r="H263" s="92" t="s">
        <v>54</v>
      </c>
      <c r="I263" s="93" t="s">
        <v>11</v>
      </c>
      <c r="J263" s="83" t="s">
        <v>55</v>
      </c>
      <c r="K263" s="83"/>
      <c r="L263" s="82" t="s">
        <v>11</v>
      </c>
      <c r="M263" s="83" t="s">
        <v>56</v>
      </c>
      <c r="N263" s="83"/>
      <c r="O263" s="82" t="s">
        <v>11</v>
      </c>
      <c r="P263" s="83" t="s">
        <v>57</v>
      </c>
      <c r="Q263" s="83"/>
      <c r="R263" s="82"/>
      <c r="S263" s="83"/>
      <c r="T263" s="83"/>
      <c r="U263" s="94"/>
      <c r="V263" s="94"/>
      <c r="W263" s="94"/>
      <c r="X263" s="95"/>
      <c r="Y263" s="68"/>
      <c r="Z263" s="68"/>
      <c r="AA263" s="68"/>
      <c r="AB263" s="69"/>
      <c r="AC263" s="80"/>
      <c r="AD263" s="68"/>
      <c r="AE263" s="68"/>
      <c r="AF263" s="69"/>
    </row>
    <row r="264" spans="1:33" s="121" customFormat="1" ht="19.5" customHeight="1" x14ac:dyDescent="0.4">
      <c r="A264" s="96"/>
      <c r="B264" s="97"/>
      <c r="C264" s="98"/>
      <c r="D264" s="34"/>
      <c r="E264" s="41"/>
      <c r="F264" s="99"/>
      <c r="G264" s="100"/>
      <c r="H264" s="101" t="s">
        <v>58</v>
      </c>
      <c r="I264" s="102" t="s">
        <v>11</v>
      </c>
      <c r="J264" s="103" t="s">
        <v>25</v>
      </c>
      <c r="K264" s="103"/>
      <c r="L264" s="104" t="s">
        <v>11</v>
      </c>
      <c r="M264" s="103" t="s">
        <v>26</v>
      </c>
      <c r="N264" s="103"/>
      <c r="O264" s="103"/>
      <c r="P264" s="103"/>
      <c r="Q264" s="105"/>
      <c r="R264" s="105"/>
      <c r="S264" s="105"/>
      <c r="T264" s="105"/>
      <c r="U264" s="105"/>
      <c r="V264" s="105"/>
      <c r="W264" s="105"/>
      <c r="X264" s="106"/>
      <c r="Y264" s="107"/>
      <c r="Z264" s="107"/>
      <c r="AA264" s="107"/>
      <c r="AB264" s="108"/>
      <c r="AC264" s="109"/>
      <c r="AD264" s="107"/>
      <c r="AE264" s="107"/>
      <c r="AF264" s="108"/>
    </row>
    <row r="265" spans="1:33" s="121" customFormat="1" ht="18.75" customHeight="1" x14ac:dyDescent="0.4">
      <c r="A265" s="122"/>
      <c r="B265" s="123"/>
      <c r="C265" s="124"/>
      <c r="D265" s="125"/>
      <c r="E265" s="25"/>
      <c r="F265" s="125"/>
      <c r="G265" s="126"/>
      <c r="H265" s="127" t="s">
        <v>70</v>
      </c>
      <c r="I265" s="128" t="s">
        <v>11</v>
      </c>
      <c r="J265" s="110" t="s">
        <v>25</v>
      </c>
      <c r="K265" s="110"/>
      <c r="L265" s="129"/>
      <c r="M265" s="130" t="s">
        <v>11</v>
      </c>
      <c r="N265" s="110" t="s">
        <v>71</v>
      </c>
      <c r="O265" s="110"/>
      <c r="P265" s="129"/>
      <c r="Q265" s="130" t="s">
        <v>11</v>
      </c>
      <c r="R265" s="131" t="s">
        <v>72</v>
      </c>
      <c r="S265" s="131"/>
      <c r="T265" s="131"/>
      <c r="U265" s="131"/>
      <c r="V265" s="131"/>
      <c r="W265" s="131"/>
      <c r="X265" s="132"/>
      <c r="Y265" s="156" t="s">
        <v>11</v>
      </c>
      <c r="Z265" s="23" t="s">
        <v>23</v>
      </c>
      <c r="AA265" s="23"/>
      <c r="AB265" s="60"/>
      <c r="AC265" s="156" t="s">
        <v>11</v>
      </c>
      <c r="AD265" s="23" t="s">
        <v>23</v>
      </c>
      <c r="AE265" s="23"/>
      <c r="AF265" s="60"/>
      <c r="AG265" s="166"/>
    </row>
    <row r="266" spans="1:33" s="121" customFormat="1" ht="19.5" customHeight="1" x14ac:dyDescent="0.4">
      <c r="A266" s="45"/>
      <c r="B266" s="46"/>
      <c r="C266" s="47"/>
      <c r="D266" s="48"/>
      <c r="E266" s="49"/>
      <c r="F266" s="50"/>
      <c r="G266" s="51"/>
      <c r="H266" s="88" t="s">
        <v>20</v>
      </c>
      <c r="I266" s="53" t="s">
        <v>11</v>
      </c>
      <c r="J266" s="54" t="s">
        <v>21</v>
      </c>
      <c r="K266" s="55"/>
      <c r="L266" s="56"/>
      <c r="M266" s="57" t="s">
        <v>11</v>
      </c>
      <c r="N266" s="54" t="s">
        <v>22</v>
      </c>
      <c r="O266" s="57"/>
      <c r="P266" s="54"/>
      <c r="Q266" s="58"/>
      <c r="R266" s="58"/>
      <c r="S266" s="58"/>
      <c r="T266" s="58"/>
      <c r="U266" s="58"/>
      <c r="V266" s="58"/>
      <c r="W266" s="58"/>
      <c r="X266" s="59"/>
      <c r="Y266" s="85" t="s">
        <v>11</v>
      </c>
      <c r="Z266" s="67" t="s">
        <v>27</v>
      </c>
      <c r="AA266" s="68"/>
      <c r="AB266" s="69"/>
      <c r="AC266" s="85" t="s">
        <v>11</v>
      </c>
      <c r="AD266" s="67" t="s">
        <v>27</v>
      </c>
      <c r="AE266" s="68"/>
      <c r="AF266" s="69"/>
    </row>
    <row r="267" spans="1:33" s="121" customFormat="1" ht="19.5" customHeight="1" x14ac:dyDescent="0.4">
      <c r="A267" s="45"/>
      <c r="B267" s="46"/>
      <c r="C267" s="61" t="s">
        <v>207</v>
      </c>
      <c r="D267" s="85" t="s">
        <v>11</v>
      </c>
      <c r="E267" s="49" t="s">
        <v>208</v>
      </c>
      <c r="F267" s="50"/>
      <c r="G267" s="51"/>
      <c r="H267" s="88" t="s">
        <v>73</v>
      </c>
      <c r="I267" s="53" t="s">
        <v>11</v>
      </c>
      <c r="J267" s="54" t="s">
        <v>21</v>
      </c>
      <c r="K267" s="55"/>
      <c r="L267" s="56"/>
      <c r="M267" s="57" t="s">
        <v>11</v>
      </c>
      <c r="N267" s="54" t="s">
        <v>22</v>
      </c>
      <c r="O267" s="57"/>
      <c r="P267" s="54"/>
      <c r="Q267" s="58"/>
      <c r="R267" s="58"/>
      <c r="S267" s="58"/>
      <c r="T267" s="58"/>
      <c r="U267" s="58"/>
      <c r="V267" s="58"/>
      <c r="W267" s="58"/>
      <c r="X267" s="59"/>
      <c r="Y267" s="85"/>
      <c r="Z267" s="67"/>
      <c r="AA267" s="68"/>
      <c r="AB267" s="69"/>
      <c r="AC267" s="85"/>
      <c r="AD267" s="67"/>
      <c r="AE267" s="68"/>
      <c r="AF267" s="69"/>
    </row>
    <row r="268" spans="1:33" s="121" customFormat="1" ht="18.75" customHeight="1" x14ac:dyDescent="0.4">
      <c r="A268" s="85" t="s">
        <v>11</v>
      </c>
      <c r="B268" s="46">
        <v>79</v>
      </c>
      <c r="C268" s="61" t="s">
        <v>210</v>
      </c>
      <c r="D268" s="85" t="s">
        <v>11</v>
      </c>
      <c r="E268" s="49" t="s">
        <v>211</v>
      </c>
      <c r="F268" s="50"/>
      <c r="G268" s="62"/>
      <c r="H268" s="70" t="s">
        <v>28</v>
      </c>
      <c r="I268" s="71" t="s">
        <v>11</v>
      </c>
      <c r="J268" s="72" t="s">
        <v>29</v>
      </c>
      <c r="K268" s="72"/>
      <c r="L268" s="72"/>
      <c r="M268" s="71" t="s">
        <v>11</v>
      </c>
      <c r="N268" s="72" t="s">
        <v>30</v>
      </c>
      <c r="O268" s="72"/>
      <c r="P268" s="72"/>
      <c r="Q268" s="73"/>
      <c r="R268" s="73"/>
      <c r="S268" s="73"/>
      <c r="T268" s="73"/>
      <c r="U268" s="73"/>
      <c r="V268" s="73"/>
      <c r="W268" s="73"/>
      <c r="X268" s="74"/>
      <c r="Y268" s="80"/>
      <c r="Z268" s="68"/>
      <c r="AA268" s="68"/>
      <c r="AB268" s="69"/>
      <c r="AC268" s="80"/>
      <c r="AD268" s="68"/>
      <c r="AE268" s="68"/>
      <c r="AF268" s="69"/>
      <c r="AG268" s="166"/>
    </row>
    <row r="269" spans="1:33" s="121" customFormat="1" ht="18.75" customHeight="1" x14ac:dyDescent="0.4">
      <c r="A269" s="45"/>
      <c r="B269" s="46"/>
      <c r="C269" s="61" t="s">
        <v>215</v>
      </c>
      <c r="D269" s="50"/>
      <c r="E269" s="49" t="s">
        <v>124</v>
      </c>
      <c r="F269" s="50"/>
      <c r="G269" s="62"/>
      <c r="H269" s="75"/>
      <c r="I269" s="76"/>
      <c r="J269" s="77"/>
      <c r="K269" s="77"/>
      <c r="L269" s="77"/>
      <c r="M269" s="76"/>
      <c r="N269" s="77"/>
      <c r="O269" s="77"/>
      <c r="P269" s="77"/>
      <c r="Q269" s="78"/>
      <c r="R269" s="78"/>
      <c r="S269" s="78"/>
      <c r="T269" s="78"/>
      <c r="U269" s="78"/>
      <c r="V269" s="78"/>
      <c r="W269" s="78"/>
      <c r="X269" s="79"/>
      <c r="Y269" s="80"/>
      <c r="Z269" s="68"/>
      <c r="AA269" s="68"/>
      <c r="AB269" s="69"/>
      <c r="AC269" s="80"/>
      <c r="AD269" s="68"/>
      <c r="AE269" s="68"/>
      <c r="AF269" s="69"/>
      <c r="AG269" s="166"/>
    </row>
    <row r="270" spans="1:33" s="121" customFormat="1" ht="18.75" customHeight="1" x14ac:dyDescent="0.4">
      <c r="A270" s="48"/>
      <c r="B270" s="2"/>
      <c r="C270" s="187"/>
      <c r="D270" s="2"/>
      <c r="E270" s="2"/>
      <c r="F270" s="50"/>
      <c r="G270" s="62"/>
      <c r="H270" s="155" t="s">
        <v>125</v>
      </c>
      <c r="I270" s="53" t="s">
        <v>11</v>
      </c>
      <c r="J270" s="54" t="s">
        <v>25</v>
      </c>
      <c r="K270" s="54"/>
      <c r="L270" s="57" t="s">
        <v>11</v>
      </c>
      <c r="M270" s="54" t="s">
        <v>45</v>
      </c>
      <c r="N270" s="54"/>
      <c r="O270" s="57" t="s">
        <v>11</v>
      </c>
      <c r="P270" s="54" t="s">
        <v>46</v>
      </c>
      <c r="Q270" s="58"/>
      <c r="R270" s="58"/>
      <c r="S270" s="58"/>
      <c r="T270" s="58"/>
      <c r="U270" s="94"/>
      <c r="V270" s="94"/>
      <c r="W270" s="94"/>
      <c r="X270" s="95"/>
      <c r="Y270" s="80"/>
      <c r="Z270" s="68"/>
      <c r="AA270" s="68"/>
      <c r="AB270" s="69"/>
      <c r="AC270" s="80"/>
      <c r="AD270" s="68"/>
      <c r="AE270" s="68"/>
      <c r="AF270" s="69"/>
    </row>
    <row r="271" spans="1:33" s="121" customFormat="1" ht="18.75" customHeight="1" x14ac:dyDescent="0.4">
      <c r="A271" s="45"/>
      <c r="B271" s="46"/>
      <c r="C271" s="187"/>
      <c r="D271" s="2"/>
      <c r="E271" s="2"/>
      <c r="F271" s="50"/>
      <c r="G271" s="62"/>
      <c r="H271" s="81" t="s">
        <v>48</v>
      </c>
      <c r="I271" s="53" t="s">
        <v>11</v>
      </c>
      <c r="J271" s="54" t="s">
        <v>25</v>
      </c>
      <c r="K271" s="54"/>
      <c r="L271" s="57" t="s">
        <v>11</v>
      </c>
      <c r="M271" s="54" t="s">
        <v>49</v>
      </c>
      <c r="N271" s="54"/>
      <c r="O271" s="57" t="s">
        <v>11</v>
      </c>
      <c r="P271" s="54" t="s">
        <v>50</v>
      </c>
      <c r="Q271" s="89"/>
      <c r="R271" s="57" t="s">
        <v>11</v>
      </c>
      <c r="S271" s="54" t="s">
        <v>51</v>
      </c>
      <c r="T271" s="89"/>
      <c r="U271" s="89"/>
      <c r="V271" s="89"/>
      <c r="W271" s="89"/>
      <c r="X271" s="113"/>
      <c r="Y271" s="80"/>
      <c r="Z271" s="68"/>
      <c r="AA271" s="68"/>
      <c r="AB271" s="69"/>
      <c r="AC271" s="80"/>
      <c r="AD271" s="68"/>
      <c r="AE271" s="68"/>
      <c r="AF271" s="69"/>
    </row>
    <row r="272" spans="1:33" s="121" customFormat="1" ht="18.75" customHeight="1" x14ac:dyDescent="0.4">
      <c r="A272" s="45"/>
      <c r="B272" s="46"/>
      <c r="C272" s="47"/>
      <c r="D272" s="48"/>
      <c r="E272" s="49"/>
      <c r="F272" s="50"/>
      <c r="G272" s="51"/>
      <c r="H272" s="91" t="s">
        <v>52</v>
      </c>
      <c r="I272" s="53" t="s">
        <v>11</v>
      </c>
      <c r="J272" s="54" t="s">
        <v>25</v>
      </c>
      <c r="K272" s="54"/>
      <c r="L272" s="57" t="s">
        <v>11</v>
      </c>
      <c r="M272" s="54" t="s">
        <v>49</v>
      </c>
      <c r="N272" s="54"/>
      <c r="O272" s="57" t="s">
        <v>11</v>
      </c>
      <c r="P272" s="54" t="s">
        <v>50</v>
      </c>
      <c r="Q272" s="54"/>
      <c r="R272" s="57" t="s">
        <v>11</v>
      </c>
      <c r="S272" s="54" t="s">
        <v>53</v>
      </c>
      <c r="T272" s="54"/>
      <c r="U272" s="58"/>
      <c r="V272" s="58"/>
      <c r="W272" s="58"/>
      <c r="X272" s="59"/>
      <c r="Y272" s="68"/>
      <c r="Z272" s="68"/>
      <c r="AA272" s="68"/>
      <c r="AB272" s="69"/>
      <c r="AC272" s="80"/>
      <c r="AD272" s="68"/>
      <c r="AE272" s="68"/>
      <c r="AF272" s="69"/>
    </row>
    <row r="273" spans="1:33" s="121" customFormat="1" ht="18.75" customHeight="1" x14ac:dyDescent="0.4">
      <c r="A273" s="45"/>
      <c r="B273" s="46"/>
      <c r="C273" s="47"/>
      <c r="D273" s="48"/>
      <c r="E273" s="49"/>
      <c r="F273" s="50"/>
      <c r="G273" s="51"/>
      <c r="H273" s="92" t="s">
        <v>54</v>
      </c>
      <c r="I273" s="93" t="s">
        <v>11</v>
      </c>
      <c r="J273" s="83" t="s">
        <v>55</v>
      </c>
      <c r="K273" s="83"/>
      <c r="L273" s="82" t="s">
        <v>11</v>
      </c>
      <c r="M273" s="83" t="s">
        <v>56</v>
      </c>
      <c r="N273" s="83"/>
      <c r="O273" s="82" t="s">
        <v>11</v>
      </c>
      <c r="P273" s="83" t="s">
        <v>57</v>
      </c>
      <c r="Q273" s="83"/>
      <c r="R273" s="82"/>
      <c r="S273" s="83"/>
      <c r="T273" s="83"/>
      <c r="U273" s="94"/>
      <c r="V273" s="94"/>
      <c r="W273" s="94"/>
      <c r="X273" s="95"/>
      <c r="Y273" s="68"/>
      <c r="Z273" s="68"/>
      <c r="AA273" s="68"/>
      <c r="AB273" s="69"/>
      <c r="AC273" s="80"/>
      <c r="AD273" s="68"/>
      <c r="AE273" s="68"/>
      <c r="AF273" s="69"/>
    </row>
    <row r="274" spans="1:33" s="121" customFormat="1" ht="19.5" customHeight="1" x14ac:dyDescent="0.4">
      <c r="A274" s="96"/>
      <c r="B274" s="97"/>
      <c r="C274" s="98"/>
      <c r="D274" s="34"/>
      <c r="E274" s="41"/>
      <c r="F274" s="99"/>
      <c r="G274" s="100"/>
      <c r="H274" s="101" t="s">
        <v>58</v>
      </c>
      <c r="I274" s="102" t="s">
        <v>11</v>
      </c>
      <c r="J274" s="103" t="s">
        <v>25</v>
      </c>
      <c r="K274" s="103"/>
      <c r="L274" s="104" t="s">
        <v>11</v>
      </c>
      <c r="M274" s="103" t="s">
        <v>26</v>
      </c>
      <c r="N274" s="103"/>
      <c r="O274" s="103"/>
      <c r="P274" s="103"/>
      <c r="Q274" s="105"/>
      <c r="R274" s="105"/>
      <c r="S274" s="105"/>
      <c r="T274" s="105"/>
      <c r="U274" s="105"/>
      <c r="V274" s="105"/>
      <c r="W274" s="105"/>
      <c r="X274" s="106"/>
      <c r="Y274" s="107"/>
      <c r="Z274" s="107"/>
      <c r="AA274" s="107"/>
      <c r="AB274" s="108"/>
      <c r="AC274" s="109"/>
      <c r="AD274" s="107"/>
      <c r="AE274" s="107"/>
      <c r="AF274" s="108"/>
    </row>
    <row r="275" spans="1:33" s="121" customFormat="1" ht="18.75" customHeight="1" x14ac:dyDescent="0.4">
      <c r="A275" s="122"/>
      <c r="B275" s="123"/>
      <c r="C275" s="124"/>
      <c r="D275" s="125"/>
      <c r="E275" s="25"/>
      <c r="F275" s="125"/>
      <c r="G275" s="126"/>
      <c r="H275" s="127" t="s">
        <v>70</v>
      </c>
      <c r="I275" s="128" t="s">
        <v>11</v>
      </c>
      <c r="J275" s="110" t="s">
        <v>25</v>
      </c>
      <c r="K275" s="110"/>
      <c r="L275" s="129"/>
      <c r="M275" s="130" t="s">
        <v>11</v>
      </c>
      <c r="N275" s="110" t="s">
        <v>71</v>
      </c>
      <c r="O275" s="110"/>
      <c r="P275" s="129"/>
      <c r="Q275" s="130" t="s">
        <v>11</v>
      </c>
      <c r="R275" s="131" t="s">
        <v>72</v>
      </c>
      <c r="S275" s="131"/>
      <c r="T275" s="131"/>
      <c r="U275" s="131"/>
      <c r="V275" s="131"/>
      <c r="W275" s="131"/>
      <c r="X275" s="132"/>
      <c r="Y275" s="156" t="s">
        <v>11</v>
      </c>
      <c r="Z275" s="23" t="s">
        <v>23</v>
      </c>
      <c r="AA275" s="23"/>
      <c r="AB275" s="60"/>
      <c r="AC275" s="156" t="s">
        <v>11</v>
      </c>
      <c r="AD275" s="23" t="s">
        <v>23</v>
      </c>
      <c r="AE275" s="23"/>
      <c r="AF275" s="60"/>
      <c r="AG275" s="166"/>
    </row>
    <row r="276" spans="1:33" s="121" customFormat="1" ht="19.5" customHeight="1" x14ac:dyDescent="0.4">
      <c r="A276" s="45"/>
      <c r="B276" s="46"/>
      <c r="C276" s="47"/>
      <c r="D276" s="48"/>
      <c r="E276" s="49"/>
      <c r="F276" s="50"/>
      <c r="G276" s="51"/>
      <c r="H276" s="88" t="s">
        <v>20</v>
      </c>
      <c r="I276" s="53" t="s">
        <v>11</v>
      </c>
      <c r="J276" s="54" t="s">
        <v>21</v>
      </c>
      <c r="K276" s="55"/>
      <c r="L276" s="56"/>
      <c r="M276" s="57" t="s">
        <v>11</v>
      </c>
      <c r="N276" s="54" t="s">
        <v>22</v>
      </c>
      <c r="O276" s="57"/>
      <c r="P276" s="54"/>
      <c r="Q276" s="58"/>
      <c r="R276" s="58"/>
      <c r="S276" s="58"/>
      <c r="T276" s="58"/>
      <c r="U276" s="58"/>
      <c r="V276" s="58"/>
      <c r="W276" s="58"/>
      <c r="X276" s="59"/>
      <c r="Y276" s="85" t="s">
        <v>11</v>
      </c>
      <c r="Z276" s="67" t="s">
        <v>27</v>
      </c>
      <c r="AA276" s="68"/>
      <c r="AB276" s="69"/>
      <c r="AC276" s="85" t="s">
        <v>11</v>
      </c>
      <c r="AD276" s="67" t="s">
        <v>27</v>
      </c>
      <c r="AE276" s="68"/>
      <c r="AF276" s="69"/>
    </row>
    <row r="277" spans="1:33" s="121" customFormat="1" ht="19.5" customHeight="1" x14ac:dyDescent="0.4">
      <c r="A277" s="45"/>
      <c r="B277" s="46"/>
      <c r="C277" s="47"/>
      <c r="D277" s="48"/>
      <c r="E277" s="49"/>
      <c r="F277" s="50"/>
      <c r="G277" s="51"/>
      <c r="H277" s="88" t="s">
        <v>73</v>
      </c>
      <c r="I277" s="53" t="s">
        <v>11</v>
      </c>
      <c r="J277" s="54" t="s">
        <v>21</v>
      </c>
      <c r="K277" s="55"/>
      <c r="L277" s="56"/>
      <c r="M277" s="57" t="s">
        <v>11</v>
      </c>
      <c r="N277" s="54" t="s">
        <v>22</v>
      </c>
      <c r="O277" s="57"/>
      <c r="P277" s="54"/>
      <c r="Q277" s="58"/>
      <c r="R277" s="58"/>
      <c r="S277" s="58"/>
      <c r="T277" s="58"/>
      <c r="U277" s="58"/>
      <c r="V277" s="58"/>
      <c r="W277" s="58"/>
      <c r="X277" s="59"/>
      <c r="Y277" s="85"/>
      <c r="Z277" s="67"/>
      <c r="AA277" s="68"/>
      <c r="AB277" s="69"/>
      <c r="AC277" s="85"/>
      <c r="AD277" s="67"/>
      <c r="AE277" s="68"/>
      <c r="AF277" s="69"/>
    </row>
    <row r="278" spans="1:33" s="121" customFormat="1" ht="18.75" customHeight="1" x14ac:dyDescent="0.4">
      <c r="A278" s="45"/>
      <c r="B278" s="46"/>
      <c r="C278" s="61"/>
      <c r="D278" s="50"/>
      <c r="E278" s="49"/>
      <c r="F278" s="50"/>
      <c r="G278" s="62"/>
      <c r="H278" s="70" t="s">
        <v>74</v>
      </c>
      <c r="I278" s="138" t="s">
        <v>11</v>
      </c>
      <c r="J278" s="72" t="s">
        <v>25</v>
      </c>
      <c r="K278" s="72"/>
      <c r="L278" s="139" t="s">
        <v>11</v>
      </c>
      <c r="M278" s="72" t="s">
        <v>26</v>
      </c>
      <c r="N278" s="72"/>
      <c r="O278" s="115"/>
      <c r="P278" s="115"/>
      <c r="Q278" s="115"/>
      <c r="R278" s="115"/>
      <c r="S278" s="115"/>
      <c r="T278" s="115"/>
      <c r="U278" s="115"/>
      <c r="V278" s="115"/>
      <c r="W278" s="115"/>
      <c r="X278" s="116"/>
      <c r="Y278" s="80"/>
      <c r="Z278" s="68"/>
      <c r="AA278" s="68"/>
      <c r="AB278" s="69"/>
      <c r="AC278" s="80"/>
      <c r="AD278" s="68"/>
      <c r="AE278" s="68"/>
      <c r="AF278" s="69"/>
    </row>
    <row r="279" spans="1:33" s="121" customFormat="1" ht="18.75" customHeight="1" x14ac:dyDescent="0.4">
      <c r="A279" s="45"/>
      <c r="B279" s="46"/>
      <c r="C279" s="61"/>
      <c r="D279" s="50"/>
      <c r="E279" s="49"/>
      <c r="F279" s="50"/>
      <c r="G279" s="62"/>
      <c r="H279" s="140"/>
      <c r="I279" s="141"/>
      <c r="J279" s="142"/>
      <c r="K279" s="142"/>
      <c r="L279" s="143"/>
      <c r="M279" s="142"/>
      <c r="N279" s="142"/>
      <c r="O279" s="2"/>
      <c r="P279" s="2"/>
      <c r="Q279" s="2"/>
      <c r="R279" s="2"/>
      <c r="S279" s="2"/>
      <c r="T279" s="2"/>
      <c r="U279" s="2"/>
      <c r="V279" s="2"/>
      <c r="W279" s="2"/>
      <c r="X279" s="144"/>
      <c r="Y279" s="80"/>
      <c r="Z279" s="68"/>
      <c r="AA279" s="68"/>
      <c r="AB279" s="69"/>
      <c r="AC279" s="80"/>
      <c r="AD279" s="68"/>
      <c r="AE279" s="68"/>
      <c r="AF279" s="69"/>
    </row>
    <row r="280" spans="1:33" s="121" customFormat="1" ht="18.75" customHeight="1" x14ac:dyDescent="0.4">
      <c r="A280" s="45"/>
      <c r="B280" s="46"/>
      <c r="C280" s="61"/>
      <c r="D280" s="50"/>
      <c r="E280" s="49"/>
      <c r="F280" s="50"/>
      <c r="G280" s="62"/>
      <c r="H280" s="75"/>
      <c r="I280" s="145"/>
      <c r="J280" s="77"/>
      <c r="K280" s="77"/>
      <c r="L280" s="146"/>
      <c r="M280" s="77"/>
      <c r="N280" s="77"/>
      <c r="O280" s="147"/>
      <c r="P280" s="147"/>
      <c r="Q280" s="147"/>
      <c r="R280" s="147"/>
      <c r="S280" s="147"/>
      <c r="T280" s="147"/>
      <c r="U280" s="147"/>
      <c r="V280" s="147"/>
      <c r="W280" s="147"/>
      <c r="X280" s="148"/>
      <c r="Y280" s="80"/>
      <c r="Z280" s="68"/>
      <c r="AA280" s="68"/>
      <c r="AB280" s="69"/>
      <c r="AC280" s="80"/>
      <c r="AD280" s="68"/>
      <c r="AE280" s="68"/>
      <c r="AF280" s="69"/>
    </row>
    <row r="281" spans="1:33" s="121" customFormat="1" ht="18.75" customHeight="1" x14ac:dyDescent="0.4">
      <c r="A281" s="45"/>
      <c r="B281" s="46"/>
      <c r="C281" s="61"/>
      <c r="D281" s="50"/>
      <c r="E281" s="49"/>
      <c r="F281" s="50"/>
      <c r="G281" s="62"/>
      <c r="H281" s="81" t="s">
        <v>103</v>
      </c>
      <c r="I281" s="53" t="s">
        <v>11</v>
      </c>
      <c r="J281" s="54" t="s">
        <v>38</v>
      </c>
      <c r="K281" s="55"/>
      <c r="L281" s="56"/>
      <c r="M281" s="57" t="s">
        <v>11</v>
      </c>
      <c r="N281" s="54" t="s">
        <v>39</v>
      </c>
      <c r="O281" s="58"/>
      <c r="P281" s="58"/>
      <c r="Q281" s="58"/>
      <c r="R281" s="58"/>
      <c r="S281" s="58"/>
      <c r="T281" s="58"/>
      <c r="U281" s="58"/>
      <c r="V281" s="58"/>
      <c r="W281" s="58"/>
      <c r="X281" s="59"/>
      <c r="Y281" s="80"/>
      <c r="Z281" s="68"/>
      <c r="AA281" s="68"/>
      <c r="AB281" s="69"/>
      <c r="AC281" s="80"/>
      <c r="AD281" s="68"/>
      <c r="AE281" s="68"/>
      <c r="AF281" s="69"/>
    </row>
    <row r="282" spans="1:33" s="121" customFormat="1" ht="18.75" customHeight="1" x14ac:dyDescent="0.4">
      <c r="A282" s="45"/>
      <c r="B282" s="46"/>
      <c r="C282" s="61"/>
      <c r="D282" s="50"/>
      <c r="E282" s="49"/>
      <c r="F282" s="50"/>
      <c r="G282" s="62"/>
      <c r="H282" s="91" t="s">
        <v>81</v>
      </c>
      <c r="I282" s="93" t="s">
        <v>11</v>
      </c>
      <c r="J282" s="54" t="s">
        <v>25</v>
      </c>
      <c r="K282" s="54"/>
      <c r="L282" s="57" t="s">
        <v>11</v>
      </c>
      <c r="M282" s="54" t="s">
        <v>45</v>
      </c>
      <c r="N282" s="54"/>
      <c r="O282" s="82" t="s">
        <v>11</v>
      </c>
      <c r="P282" s="54" t="s">
        <v>46</v>
      </c>
      <c r="Q282" s="89"/>
      <c r="R282" s="89"/>
      <c r="S282" s="89"/>
      <c r="T282" s="89"/>
      <c r="U282" s="89"/>
      <c r="V282" s="89"/>
      <c r="W282" s="89"/>
      <c r="X282" s="113"/>
      <c r="Y282" s="80"/>
      <c r="Z282" s="68"/>
      <c r="AA282" s="68"/>
      <c r="AB282" s="69"/>
      <c r="AC282" s="80"/>
      <c r="AD282" s="68"/>
      <c r="AE282" s="68"/>
      <c r="AF282" s="69"/>
    </row>
    <row r="283" spans="1:33" s="121" customFormat="1" ht="18.75" customHeight="1" x14ac:dyDescent="0.4">
      <c r="A283" s="85" t="s">
        <v>11</v>
      </c>
      <c r="B283" s="46">
        <v>74</v>
      </c>
      <c r="C283" s="61" t="s">
        <v>216</v>
      </c>
      <c r="D283" s="85" t="s">
        <v>11</v>
      </c>
      <c r="E283" s="49" t="s">
        <v>105</v>
      </c>
      <c r="F283" s="50"/>
      <c r="G283" s="62"/>
      <c r="H283" s="91" t="s">
        <v>86</v>
      </c>
      <c r="I283" s="53" t="s">
        <v>11</v>
      </c>
      <c r="J283" s="54" t="s">
        <v>25</v>
      </c>
      <c r="K283" s="54"/>
      <c r="L283" s="57" t="s">
        <v>11</v>
      </c>
      <c r="M283" s="54" t="s">
        <v>33</v>
      </c>
      <c r="N283" s="54"/>
      <c r="O283" s="57" t="s">
        <v>11</v>
      </c>
      <c r="P283" s="54" t="s">
        <v>34</v>
      </c>
      <c r="Q283" s="89"/>
      <c r="R283" s="89"/>
      <c r="S283" s="89"/>
      <c r="T283" s="89"/>
      <c r="U283" s="89"/>
      <c r="V283" s="89"/>
      <c r="W283" s="89"/>
      <c r="X283" s="113"/>
      <c r="Y283" s="80"/>
      <c r="Z283" s="68"/>
      <c r="AA283" s="68"/>
      <c r="AB283" s="69"/>
      <c r="AC283" s="80"/>
      <c r="AD283" s="68"/>
      <c r="AE283" s="68"/>
      <c r="AF283" s="69"/>
    </row>
    <row r="284" spans="1:33" s="121" customFormat="1" ht="18.75" customHeight="1" x14ac:dyDescent="0.4">
      <c r="A284" s="45"/>
      <c r="B284" s="46"/>
      <c r="C284" s="61" t="s">
        <v>217</v>
      </c>
      <c r="D284" s="85" t="s">
        <v>11</v>
      </c>
      <c r="E284" s="49" t="s">
        <v>106</v>
      </c>
      <c r="F284" s="50"/>
      <c r="G284" s="62"/>
      <c r="H284" s="91" t="s">
        <v>107</v>
      </c>
      <c r="I284" s="53" t="s">
        <v>11</v>
      </c>
      <c r="J284" s="54" t="s">
        <v>25</v>
      </c>
      <c r="K284" s="55"/>
      <c r="L284" s="57" t="s">
        <v>11</v>
      </c>
      <c r="M284" s="54" t="s">
        <v>26</v>
      </c>
      <c r="N284" s="89"/>
      <c r="O284" s="89"/>
      <c r="P284" s="89"/>
      <c r="Q284" s="89"/>
      <c r="R284" s="89"/>
      <c r="S284" s="89"/>
      <c r="T284" s="89"/>
      <c r="U284" s="89"/>
      <c r="V284" s="89"/>
      <c r="W284" s="89"/>
      <c r="X284" s="113"/>
      <c r="Y284" s="80"/>
      <c r="Z284" s="68"/>
      <c r="AA284" s="68"/>
      <c r="AB284" s="69"/>
      <c r="AC284" s="80"/>
      <c r="AD284" s="68"/>
      <c r="AE284" s="68"/>
      <c r="AF284" s="69"/>
    </row>
    <row r="285" spans="1:33" s="121" customFormat="1" ht="18.75" customHeight="1" x14ac:dyDescent="0.4">
      <c r="A285" s="45"/>
      <c r="B285" s="46"/>
      <c r="C285" s="61"/>
      <c r="D285" s="85" t="s">
        <v>11</v>
      </c>
      <c r="E285" s="49" t="s">
        <v>108</v>
      </c>
      <c r="F285" s="50"/>
      <c r="G285" s="62"/>
      <c r="H285" s="81" t="s">
        <v>110</v>
      </c>
      <c r="I285" s="53" t="s">
        <v>11</v>
      </c>
      <c r="J285" s="54" t="s">
        <v>25</v>
      </c>
      <c r="K285" s="55"/>
      <c r="L285" s="57" t="s">
        <v>11</v>
      </c>
      <c r="M285" s="54" t="s">
        <v>26</v>
      </c>
      <c r="N285" s="89"/>
      <c r="O285" s="89"/>
      <c r="P285" s="89"/>
      <c r="Q285" s="89"/>
      <c r="R285" s="89"/>
      <c r="S285" s="89"/>
      <c r="T285" s="89"/>
      <c r="U285" s="89"/>
      <c r="V285" s="89"/>
      <c r="W285" s="89"/>
      <c r="X285" s="113"/>
      <c r="Y285" s="80"/>
      <c r="Z285" s="68"/>
      <c r="AA285" s="68"/>
      <c r="AB285" s="69"/>
      <c r="AC285" s="80"/>
      <c r="AD285" s="68"/>
      <c r="AE285" s="68"/>
      <c r="AF285" s="69"/>
    </row>
    <row r="286" spans="1:33" s="121" customFormat="1" ht="18.75" customHeight="1" x14ac:dyDescent="0.4">
      <c r="A286" s="45"/>
      <c r="B286" s="46"/>
      <c r="C286" s="47"/>
      <c r="D286" s="48"/>
      <c r="E286" s="49"/>
      <c r="F286" s="50"/>
      <c r="G286" s="62"/>
      <c r="H286" s="67" t="s">
        <v>95</v>
      </c>
      <c r="I286" s="53" t="s">
        <v>11</v>
      </c>
      <c r="J286" s="54" t="s">
        <v>25</v>
      </c>
      <c r="K286" s="55"/>
      <c r="L286" s="57" t="s">
        <v>11</v>
      </c>
      <c r="M286" s="54" t="s">
        <v>26</v>
      </c>
      <c r="N286" s="89"/>
      <c r="O286" s="89"/>
      <c r="P286" s="89"/>
      <c r="Q286" s="89"/>
      <c r="R286" s="89"/>
      <c r="S286" s="89"/>
      <c r="T286" s="89"/>
      <c r="U286" s="89"/>
      <c r="V286" s="89"/>
      <c r="W286" s="89"/>
      <c r="X286" s="113"/>
      <c r="Y286" s="80"/>
      <c r="Z286" s="68"/>
      <c r="AA286" s="68"/>
      <c r="AB286" s="69"/>
      <c r="AC286" s="80"/>
      <c r="AD286" s="68"/>
      <c r="AE286" s="68"/>
      <c r="AF286" s="69"/>
    </row>
    <row r="287" spans="1:33" s="121" customFormat="1" ht="18.75" customHeight="1" x14ac:dyDescent="0.4">
      <c r="A287" s="45"/>
      <c r="B287" s="46"/>
      <c r="C287" s="47"/>
      <c r="D287" s="48"/>
      <c r="E287" s="49"/>
      <c r="F287" s="50"/>
      <c r="G287" s="62"/>
      <c r="H287" s="91" t="s">
        <v>96</v>
      </c>
      <c r="I287" s="53" t="s">
        <v>11</v>
      </c>
      <c r="J287" s="54" t="s">
        <v>25</v>
      </c>
      <c r="K287" s="55"/>
      <c r="L287" s="57" t="s">
        <v>11</v>
      </c>
      <c r="M287" s="54" t="s">
        <v>26</v>
      </c>
      <c r="N287" s="89"/>
      <c r="O287" s="89"/>
      <c r="P287" s="89"/>
      <c r="Q287" s="89"/>
      <c r="R287" s="89"/>
      <c r="S287" s="89"/>
      <c r="T287" s="89"/>
      <c r="U287" s="89"/>
      <c r="V287" s="89"/>
      <c r="W287" s="89"/>
      <c r="X287" s="113"/>
      <c r="Y287" s="80"/>
      <c r="Z287" s="68"/>
      <c r="AA287" s="68"/>
      <c r="AB287" s="69"/>
      <c r="AC287" s="80"/>
      <c r="AD287" s="68"/>
      <c r="AE287" s="68"/>
      <c r="AF287" s="69"/>
    </row>
    <row r="288" spans="1:33" s="121" customFormat="1" ht="18.75" customHeight="1" x14ac:dyDescent="0.4">
      <c r="A288" s="45"/>
      <c r="B288" s="46"/>
      <c r="C288" s="47"/>
      <c r="D288" s="48"/>
      <c r="E288" s="49"/>
      <c r="F288" s="50"/>
      <c r="G288" s="62"/>
      <c r="H288" s="91" t="s">
        <v>97</v>
      </c>
      <c r="I288" s="53" t="s">
        <v>11</v>
      </c>
      <c r="J288" s="54" t="s">
        <v>25</v>
      </c>
      <c r="K288" s="55"/>
      <c r="L288" s="57" t="s">
        <v>11</v>
      </c>
      <c r="M288" s="54" t="s">
        <v>26</v>
      </c>
      <c r="N288" s="89"/>
      <c r="O288" s="89"/>
      <c r="P288" s="89"/>
      <c r="Q288" s="89"/>
      <c r="R288" s="89"/>
      <c r="S288" s="89"/>
      <c r="T288" s="89"/>
      <c r="U288" s="89"/>
      <c r="V288" s="89"/>
      <c r="W288" s="89"/>
      <c r="X288" s="113"/>
      <c r="Y288" s="80"/>
      <c r="Z288" s="68"/>
      <c r="AA288" s="68"/>
      <c r="AB288" s="69"/>
      <c r="AC288" s="80"/>
      <c r="AD288" s="68"/>
      <c r="AE288" s="68"/>
      <c r="AF288" s="69"/>
    </row>
    <row r="289" spans="1:32" s="121" customFormat="1" ht="18.75" customHeight="1" x14ac:dyDescent="0.4">
      <c r="A289" s="45"/>
      <c r="B289" s="46"/>
      <c r="C289" s="61"/>
      <c r="D289" s="50"/>
      <c r="E289" s="49"/>
      <c r="F289" s="50"/>
      <c r="G289" s="62"/>
      <c r="H289" s="81" t="s">
        <v>48</v>
      </c>
      <c r="I289" s="53" t="s">
        <v>11</v>
      </c>
      <c r="J289" s="54" t="s">
        <v>25</v>
      </c>
      <c r="K289" s="54"/>
      <c r="L289" s="57" t="s">
        <v>11</v>
      </c>
      <c r="M289" s="54" t="s">
        <v>111</v>
      </c>
      <c r="N289" s="54"/>
      <c r="O289" s="57" t="s">
        <v>11</v>
      </c>
      <c r="P289" s="54" t="s">
        <v>112</v>
      </c>
      <c r="Q289" s="89"/>
      <c r="R289" s="57" t="s">
        <v>11</v>
      </c>
      <c r="S289" s="54" t="s">
        <v>113</v>
      </c>
      <c r="T289" s="89"/>
      <c r="U289" s="89"/>
      <c r="V289" s="89"/>
      <c r="W289" s="89"/>
      <c r="X289" s="113"/>
      <c r="Y289" s="80"/>
      <c r="Z289" s="68"/>
      <c r="AA289" s="68"/>
      <c r="AB289" s="69"/>
      <c r="AC289" s="80"/>
      <c r="AD289" s="68"/>
      <c r="AE289" s="68"/>
      <c r="AF289" s="69"/>
    </row>
    <row r="290" spans="1:32" s="121" customFormat="1" ht="18.75" customHeight="1" x14ac:dyDescent="0.4">
      <c r="A290" s="45"/>
      <c r="B290" s="46"/>
      <c r="C290" s="47"/>
      <c r="D290" s="48"/>
      <c r="E290" s="49"/>
      <c r="F290" s="50"/>
      <c r="G290" s="51"/>
      <c r="H290" s="91" t="s">
        <v>52</v>
      </c>
      <c r="I290" s="53" t="s">
        <v>11</v>
      </c>
      <c r="J290" s="54" t="s">
        <v>25</v>
      </c>
      <c r="K290" s="54"/>
      <c r="L290" s="57" t="s">
        <v>11</v>
      </c>
      <c r="M290" s="54" t="s">
        <v>49</v>
      </c>
      <c r="N290" s="54"/>
      <c r="O290" s="57" t="s">
        <v>11</v>
      </c>
      <c r="P290" s="54" t="s">
        <v>50</v>
      </c>
      <c r="Q290" s="54"/>
      <c r="R290" s="57" t="s">
        <v>11</v>
      </c>
      <c r="S290" s="54" t="s">
        <v>53</v>
      </c>
      <c r="T290" s="54"/>
      <c r="U290" s="58"/>
      <c r="V290" s="58"/>
      <c r="W290" s="58"/>
      <c r="X290" s="59"/>
      <c r="Y290" s="68"/>
      <c r="Z290" s="68"/>
      <c r="AA290" s="68"/>
      <c r="AB290" s="69"/>
      <c r="AC290" s="80"/>
      <c r="AD290" s="68"/>
      <c r="AE290" s="68"/>
      <c r="AF290" s="69"/>
    </row>
    <row r="291" spans="1:32" s="121" customFormat="1" ht="18.75" customHeight="1" x14ac:dyDescent="0.4">
      <c r="A291" s="45"/>
      <c r="B291" s="46"/>
      <c r="C291" s="47"/>
      <c r="D291" s="48"/>
      <c r="E291" s="49"/>
      <c r="F291" s="50"/>
      <c r="G291" s="51"/>
      <c r="H291" s="92" t="s">
        <v>54</v>
      </c>
      <c r="I291" s="93" t="s">
        <v>11</v>
      </c>
      <c r="J291" s="83" t="s">
        <v>55</v>
      </c>
      <c r="K291" s="83"/>
      <c r="L291" s="82" t="s">
        <v>11</v>
      </c>
      <c r="M291" s="83" t="s">
        <v>56</v>
      </c>
      <c r="N291" s="83"/>
      <c r="O291" s="82" t="s">
        <v>11</v>
      </c>
      <c r="P291" s="83" t="s">
        <v>57</v>
      </c>
      <c r="Q291" s="83"/>
      <c r="R291" s="82"/>
      <c r="S291" s="83"/>
      <c r="T291" s="83"/>
      <c r="U291" s="94"/>
      <c r="V291" s="94"/>
      <c r="W291" s="94"/>
      <c r="X291" s="95"/>
      <c r="Y291" s="68"/>
      <c r="Z291" s="68"/>
      <c r="AA291" s="68"/>
      <c r="AB291" s="69"/>
      <c r="AC291" s="80"/>
      <c r="AD291" s="68"/>
      <c r="AE291" s="68"/>
      <c r="AF291" s="69"/>
    </row>
    <row r="292" spans="1:32" s="121" customFormat="1" ht="19.5" customHeight="1" x14ac:dyDescent="0.4">
      <c r="A292" s="96"/>
      <c r="B292" s="97"/>
      <c r="C292" s="98"/>
      <c r="D292" s="34"/>
      <c r="E292" s="41"/>
      <c r="F292" s="99"/>
      <c r="G292" s="100"/>
      <c r="H292" s="101" t="s">
        <v>58</v>
      </c>
      <c r="I292" s="102" t="s">
        <v>11</v>
      </c>
      <c r="J292" s="103" t="s">
        <v>25</v>
      </c>
      <c r="K292" s="103"/>
      <c r="L292" s="104" t="s">
        <v>11</v>
      </c>
      <c r="M292" s="103" t="s">
        <v>26</v>
      </c>
      <c r="N292" s="103"/>
      <c r="O292" s="103"/>
      <c r="P292" s="103"/>
      <c r="Q292" s="105"/>
      <c r="R292" s="105"/>
      <c r="S292" s="105"/>
      <c r="T292" s="105"/>
      <c r="U292" s="105"/>
      <c r="V292" s="105"/>
      <c r="W292" s="105"/>
      <c r="X292" s="106"/>
      <c r="Y292" s="107"/>
      <c r="Z292" s="107"/>
      <c r="AA292" s="107"/>
      <c r="AB292" s="108"/>
      <c r="AC292" s="109"/>
      <c r="AD292" s="107"/>
      <c r="AE292" s="107"/>
      <c r="AF292" s="108"/>
    </row>
    <row r="293" spans="1:32" ht="18.75" customHeight="1" x14ac:dyDescent="0.4">
      <c r="A293" s="122"/>
      <c r="B293" s="123"/>
      <c r="C293" s="124"/>
      <c r="D293" s="125"/>
      <c r="E293" s="25"/>
      <c r="F293" s="125"/>
      <c r="G293" s="126"/>
      <c r="H293" s="127" t="s">
        <v>114</v>
      </c>
      <c r="I293" s="128" t="s">
        <v>11</v>
      </c>
      <c r="J293" s="110" t="s">
        <v>25</v>
      </c>
      <c r="K293" s="110"/>
      <c r="L293" s="129"/>
      <c r="M293" s="130" t="s">
        <v>11</v>
      </c>
      <c r="N293" s="110" t="s">
        <v>71</v>
      </c>
      <c r="O293" s="110"/>
      <c r="P293" s="129"/>
      <c r="Q293" s="130" t="s">
        <v>11</v>
      </c>
      <c r="R293" s="131" t="s">
        <v>72</v>
      </c>
      <c r="S293" s="131"/>
      <c r="T293" s="131"/>
      <c r="U293" s="131"/>
      <c r="V293" s="131"/>
      <c r="W293" s="131"/>
      <c r="X293" s="132"/>
      <c r="Y293" s="156" t="s">
        <v>11</v>
      </c>
      <c r="Z293" s="23" t="s">
        <v>23</v>
      </c>
      <c r="AA293" s="23"/>
      <c r="AB293" s="60"/>
      <c r="AC293" s="156" t="s">
        <v>11</v>
      </c>
      <c r="AD293" s="23" t="s">
        <v>23</v>
      </c>
      <c r="AE293" s="23"/>
      <c r="AF293" s="60"/>
    </row>
    <row r="294" spans="1:32" ht="19.5" customHeight="1" x14ac:dyDescent="0.4">
      <c r="A294" s="45"/>
      <c r="B294" s="46"/>
      <c r="C294" s="47"/>
      <c r="D294" s="50"/>
      <c r="E294" s="49"/>
      <c r="F294" s="50"/>
      <c r="G294" s="51"/>
      <c r="H294" s="88" t="s">
        <v>20</v>
      </c>
      <c r="I294" s="53" t="s">
        <v>11</v>
      </c>
      <c r="J294" s="54" t="s">
        <v>21</v>
      </c>
      <c r="K294" s="55"/>
      <c r="L294" s="56"/>
      <c r="M294" s="57" t="s">
        <v>11</v>
      </c>
      <c r="N294" s="54" t="s">
        <v>22</v>
      </c>
      <c r="O294" s="57"/>
      <c r="P294" s="54"/>
      <c r="Q294" s="58"/>
      <c r="R294" s="58"/>
      <c r="S294" s="58"/>
      <c r="T294" s="58"/>
      <c r="U294" s="58"/>
      <c r="V294" s="58"/>
      <c r="W294" s="58"/>
      <c r="X294" s="59"/>
      <c r="Y294" s="85" t="s">
        <v>11</v>
      </c>
      <c r="Z294" s="67" t="s">
        <v>27</v>
      </c>
      <c r="AA294" s="68"/>
      <c r="AB294" s="69"/>
      <c r="AC294" s="85" t="s">
        <v>11</v>
      </c>
      <c r="AD294" s="67" t="s">
        <v>27</v>
      </c>
      <c r="AE294" s="68"/>
      <c r="AF294" s="69"/>
    </row>
    <row r="295" spans="1:32" ht="19.5" customHeight="1" x14ac:dyDescent="0.4">
      <c r="A295" s="45"/>
      <c r="B295" s="46"/>
      <c r="C295" s="47"/>
      <c r="D295" s="50"/>
      <c r="E295" s="49"/>
      <c r="F295" s="50"/>
      <c r="G295" s="51"/>
      <c r="H295" s="88" t="s">
        <v>73</v>
      </c>
      <c r="I295" s="53" t="s">
        <v>11</v>
      </c>
      <c r="J295" s="54" t="s">
        <v>21</v>
      </c>
      <c r="K295" s="55"/>
      <c r="L295" s="56"/>
      <c r="M295" s="57" t="s">
        <v>11</v>
      </c>
      <c r="N295" s="54" t="s">
        <v>22</v>
      </c>
      <c r="O295" s="57"/>
      <c r="P295" s="54"/>
      <c r="Q295" s="58"/>
      <c r="R295" s="58"/>
      <c r="S295" s="58"/>
      <c r="T295" s="58"/>
      <c r="U295" s="58"/>
      <c r="V295" s="58"/>
      <c r="W295" s="58"/>
      <c r="X295" s="59"/>
      <c r="Y295" s="85"/>
      <c r="Z295" s="67"/>
      <c r="AA295" s="68"/>
      <c r="AB295" s="69"/>
      <c r="AC295" s="85"/>
      <c r="AD295" s="67"/>
      <c r="AE295" s="68"/>
      <c r="AF295" s="69"/>
    </row>
    <row r="296" spans="1:32" ht="18.75" customHeight="1" x14ac:dyDescent="0.4">
      <c r="A296" s="45"/>
      <c r="B296" s="46"/>
      <c r="C296" s="61"/>
      <c r="D296" s="50"/>
      <c r="E296" s="49"/>
      <c r="F296" s="50"/>
      <c r="G296" s="62"/>
      <c r="H296" s="81" t="s">
        <v>24</v>
      </c>
      <c r="I296" s="53" t="s">
        <v>11</v>
      </c>
      <c r="J296" s="54" t="s">
        <v>25</v>
      </c>
      <c r="K296" s="55"/>
      <c r="L296" s="57" t="s">
        <v>11</v>
      </c>
      <c r="M296" s="54" t="s">
        <v>26</v>
      </c>
      <c r="N296" s="89"/>
      <c r="O296" s="89"/>
      <c r="P296" s="89"/>
      <c r="Q296" s="89"/>
      <c r="R296" s="89"/>
      <c r="S296" s="89"/>
      <c r="T296" s="89"/>
      <c r="U296" s="89"/>
      <c r="V296" s="89"/>
      <c r="W296" s="89"/>
      <c r="X296" s="113"/>
      <c r="Y296" s="80"/>
      <c r="Z296" s="68"/>
      <c r="AA296" s="68"/>
      <c r="AB296" s="69"/>
      <c r="AC296" s="80"/>
      <c r="AD296" s="68"/>
      <c r="AE296" s="68"/>
      <c r="AF296" s="69"/>
    </row>
    <row r="297" spans="1:32" ht="18.75" customHeight="1" x14ac:dyDescent="0.4">
      <c r="A297" s="45"/>
      <c r="B297" s="46"/>
      <c r="C297" s="61"/>
      <c r="D297" s="50"/>
      <c r="E297" s="49"/>
      <c r="F297" s="50"/>
      <c r="G297" s="62"/>
      <c r="H297" s="70" t="s">
        <v>28</v>
      </c>
      <c r="I297" s="71" t="s">
        <v>11</v>
      </c>
      <c r="J297" s="72" t="s">
        <v>29</v>
      </c>
      <c r="K297" s="72"/>
      <c r="L297" s="72"/>
      <c r="M297" s="71" t="s">
        <v>11</v>
      </c>
      <c r="N297" s="72" t="s">
        <v>30</v>
      </c>
      <c r="O297" s="72"/>
      <c r="P297" s="72"/>
      <c r="Q297" s="73"/>
      <c r="R297" s="73"/>
      <c r="S297" s="73"/>
      <c r="T297" s="73"/>
      <c r="U297" s="73"/>
      <c r="V297" s="73"/>
      <c r="W297" s="73"/>
      <c r="X297" s="74"/>
      <c r="Y297" s="80"/>
      <c r="Z297" s="68"/>
      <c r="AA297" s="68"/>
      <c r="AB297" s="69"/>
      <c r="AC297" s="80"/>
      <c r="AD297" s="68"/>
      <c r="AE297" s="68"/>
      <c r="AF297" s="69"/>
    </row>
    <row r="298" spans="1:32" ht="18.75" customHeight="1" x14ac:dyDescent="0.4">
      <c r="A298" s="45"/>
      <c r="B298" s="46"/>
      <c r="C298" s="61"/>
      <c r="D298" s="50"/>
      <c r="E298" s="49"/>
      <c r="F298" s="50"/>
      <c r="G298" s="62"/>
      <c r="H298" s="75"/>
      <c r="I298" s="76"/>
      <c r="J298" s="77"/>
      <c r="K298" s="77"/>
      <c r="L298" s="77"/>
      <c r="M298" s="76"/>
      <c r="N298" s="77"/>
      <c r="O298" s="77"/>
      <c r="P298" s="77"/>
      <c r="Q298" s="78"/>
      <c r="R298" s="78"/>
      <c r="S298" s="78"/>
      <c r="T298" s="78"/>
      <c r="U298" s="78"/>
      <c r="V298" s="78"/>
      <c r="W298" s="78"/>
      <c r="X298" s="79"/>
      <c r="Y298" s="80"/>
      <c r="Z298" s="68"/>
      <c r="AA298" s="68"/>
      <c r="AB298" s="69"/>
      <c r="AC298" s="80"/>
      <c r="AD298" s="68"/>
      <c r="AE298" s="68"/>
      <c r="AF298" s="69"/>
    </row>
    <row r="299" spans="1:32" ht="18.75" customHeight="1" x14ac:dyDescent="0.4">
      <c r="A299" s="85" t="s">
        <v>11</v>
      </c>
      <c r="B299" s="46">
        <v>75</v>
      </c>
      <c r="C299" s="61" t="s">
        <v>218</v>
      </c>
      <c r="D299" s="85" t="s">
        <v>11</v>
      </c>
      <c r="E299" s="49" t="s">
        <v>219</v>
      </c>
      <c r="F299" s="50"/>
      <c r="G299" s="62"/>
      <c r="H299" s="81" t="s">
        <v>116</v>
      </c>
      <c r="I299" s="53" t="s">
        <v>11</v>
      </c>
      <c r="J299" s="54" t="s">
        <v>25</v>
      </c>
      <c r="K299" s="55"/>
      <c r="L299" s="57" t="s">
        <v>11</v>
      </c>
      <c r="M299" s="54" t="s">
        <v>26</v>
      </c>
      <c r="N299" s="89"/>
      <c r="O299" s="89"/>
      <c r="P299" s="89"/>
      <c r="Q299" s="89"/>
      <c r="R299" s="89"/>
      <c r="S299" s="89"/>
      <c r="T299" s="89"/>
      <c r="U299" s="89"/>
      <c r="V299" s="89"/>
      <c r="W299" s="89"/>
      <c r="X299" s="113"/>
      <c r="Y299" s="80"/>
      <c r="Z299" s="68"/>
      <c r="AA299" s="68"/>
      <c r="AB299" s="69"/>
      <c r="AC299" s="80"/>
      <c r="AD299" s="68"/>
      <c r="AE299" s="68"/>
      <c r="AF299" s="69"/>
    </row>
    <row r="300" spans="1:32" ht="18.75" customHeight="1" x14ac:dyDescent="0.4">
      <c r="A300" s="45"/>
      <c r="B300" s="46"/>
      <c r="C300" s="61" t="s">
        <v>220</v>
      </c>
      <c r="D300" s="85" t="s">
        <v>11</v>
      </c>
      <c r="E300" s="49" t="s">
        <v>221</v>
      </c>
      <c r="F300" s="50"/>
      <c r="G300" s="62"/>
      <c r="H300" s="81" t="s">
        <v>43</v>
      </c>
      <c r="I300" s="53" t="s">
        <v>11</v>
      </c>
      <c r="J300" s="54" t="s">
        <v>25</v>
      </c>
      <c r="K300" s="55"/>
      <c r="L300" s="57" t="s">
        <v>11</v>
      </c>
      <c r="M300" s="54" t="s">
        <v>33</v>
      </c>
      <c r="N300" s="54"/>
      <c r="O300" s="82" t="s">
        <v>11</v>
      </c>
      <c r="P300" s="83" t="s">
        <v>34</v>
      </c>
      <c r="Q300" s="54"/>
      <c r="R300" s="54"/>
      <c r="S300" s="55"/>
      <c r="T300" s="54"/>
      <c r="U300" s="55"/>
      <c r="V300" s="55"/>
      <c r="W300" s="55"/>
      <c r="X300" s="84"/>
      <c r="Y300" s="80"/>
      <c r="Z300" s="68"/>
      <c r="AA300" s="68"/>
      <c r="AB300" s="69"/>
      <c r="AC300" s="80"/>
      <c r="AD300" s="68"/>
      <c r="AE300" s="68"/>
      <c r="AF300" s="69"/>
    </row>
    <row r="301" spans="1:32" ht="18.75" customHeight="1" x14ac:dyDescent="0.4">
      <c r="A301" s="45"/>
      <c r="B301" s="46"/>
      <c r="C301" s="47"/>
      <c r="D301" s="48"/>
      <c r="E301" s="49" t="s">
        <v>124</v>
      </c>
      <c r="F301" s="50"/>
      <c r="G301" s="62"/>
      <c r="H301" s="91" t="s">
        <v>97</v>
      </c>
      <c r="I301" s="53" t="s">
        <v>11</v>
      </c>
      <c r="J301" s="54" t="s">
        <v>25</v>
      </c>
      <c r="K301" s="55"/>
      <c r="L301" s="57" t="s">
        <v>11</v>
      </c>
      <c r="M301" s="54" t="s">
        <v>26</v>
      </c>
      <c r="N301" s="89"/>
      <c r="O301" s="89"/>
      <c r="P301" s="89"/>
      <c r="Q301" s="89"/>
      <c r="R301" s="89"/>
      <c r="S301" s="89"/>
      <c r="T301" s="89"/>
      <c r="U301" s="89"/>
      <c r="V301" s="89"/>
      <c r="W301" s="89"/>
      <c r="X301" s="113"/>
      <c r="Y301" s="80"/>
      <c r="Z301" s="68"/>
      <c r="AA301" s="68"/>
      <c r="AB301" s="69"/>
      <c r="AC301" s="80"/>
      <c r="AD301" s="68"/>
      <c r="AE301" s="68"/>
      <c r="AF301" s="69"/>
    </row>
    <row r="302" spans="1:32" ht="18.75" customHeight="1" x14ac:dyDescent="0.4">
      <c r="A302" s="45"/>
      <c r="B302" s="46"/>
      <c r="C302" s="61"/>
      <c r="D302" s="50"/>
      <c r="E302" s="49"/>
      <c r="F302" s="50"/>
      <c r="G302" s="62"/>
      <c r="H302" s="155" t="s">
        <v>125</v>
      </c>
      <c r="I302" s="53" t="s">
        <v>11</v>
      </c>
      <c r="J302" s="54" t="s">
        <v>25</v>
      </c>
      <c r="K302" s="54"/>
      <c r="L302" s="57" t="s">
        <v>11</v>
      </c>
      <c r="M302" s="54" t="s">
        <v>45</v>
      </c>
      <c r="N302" s="54"/>
      <c r="O302" s="57" t="s">
        <v>11</v>
      </c>
      <c r="P302" s="54" t="s">
        <v>46</v>
      </c>
      <c r="Q302" s="58"/>
      <c r="R302" s="58"/>
      <c r="S302" s="58"/>
      <c r="T302" s="58"/>
      <c r="U302" s="94"/>
      <c r="V302" s="94"/>
      <c r="W302" s="94"/>
      <c r="X302" s="95"/>
      <c r="Y302" s="80"/>
      <c r="Z302" s="68"/>
      <c r="AA302" s="68"/>
      <c r="AB302" s="69"/>
      <c r="AC302" s="80"/>
      <c r="AD302" s="68"/>
      <c r="AE302" s="68"/>
      <c r="AF302" s="69"/>
    </row>
    <row r="303" spans="1:32" ht="18.75" customHeight="1" x14ac:dyDescent="0.4">
      <c r="A303" s="45"/>
      <c r="B303" s="46"/>
      <c r="C303" s="61"/>
      <c r="D303" s="50"/>
      <c r="E303" s="49"/>
      <c r="F303" s="50"/>
      <c r="G303" s="62"/>
      <c r="H303" s="81" t="s">
        <v>48</v>
      </c>
      <c r="I303" s="53" t="s">
        <v>11</v>
      </c>
      <c r="J303" s="54" t="s">
        <v>25</v>
      </c>
      <c r="K303" s="54"/>
      <c r="L303" s="57" t="s">
        <v>11</v>
      </c>
      <c r="M303" s="54" t="s">
        <v>49</v>
      </c>
      <c r="N303" s="54"/>
      <c r="O303" s="57" t="s">
        <v>11</v>
      </c>
      <c r="P303" s="54" t="s">
        <v>50</v>
      </c>
      <c r="Q303" s="89"/>
      <c r="R303" s="57" t="s">
        <v>11</v>
      </c>
      <c r="S303" s="54" t="s">
        <v>51</v>
      </c>
      <c r="T303" s="89"/>
      <c r="U303" s="89"/>
      <c r="V303" s="89"/>
      <c r="W303" s="89"/>
      <c r="X303" s="113"/>
      <c r="Y303" s="80"/>
      <c r="Z303" s="68"/>
      <c r="AA303" s="68"/>
      <c r="AB303" s="69"/>
      <c r="AC303" s="80"/>
      <c r="AD303" s="68"/>
      <c r="AE303" s="68"/>
      <c r="AF303" s="69"/>
    </row>
    <row r="304" spans="1:32" ht="18.75" customHeight="1" x14ac:dyDescent="0.4">
      <c r="A304" s="45"/>
      <c r="B304" s="46"/>
      <c r="C304" s="47"/>
      <c r="D304" s="48"/>
      <c r="E304" s="49"/>
      <c r="F304" s="50"/>
      <c r="G304" s="51"/>
      <c r="H304" s="91" t="s">
        <v>52</v>
      </c>
      <c r="I304" s="53" t="s">
        <v>11</v>
      </c>
      <c r="J304" s="54" t="s">
        <v>25</v>
      </c>
      <c r="K304" s="54"/>
      <c r="L304" s="57" t="s">
        <v>11</v>
      </c>
      <c r="M304" s="54" t="s">
        <v>49</v>
      </c>
      <c r="N304" s="54"/>
      <c r="O304" s="57" t="s">
        <v>11</v>
      </c>
      <c r="P304" s="54" t="s">
        <v>50</v>
      </c>
      <c r="Q304" s="54"/>
      <c r="R304" s="57" t="s">
        <v>11</v>
      </c>
      <c r="S304" s="54" t="s">
        <v>53</v>
      </c>
      <c r="T304" s="54"/>
      <c r="U304" s="58"/>
      <c r="V304" s="58"/>
      <c r="W304" s="58"/>
      <c r="X304" s="59"/>
      <c r="Y304" s="68"/>
      <c r="Z304" s="68"/>
      <c r="AA304" s="68"/>
      <c r="AB304" s="69"/>
      <c r="AC304" s="80"/>
      <c r="AD304" s="68"/>
      <c r="AE304" s="68"/>
      <c r="AF304" s="69"/>
    </row>
    <row r="305" spans="1:32" ht="18.75" customHeight="1" x14ac:dyDescent="0.4">
      <c r="A305" s="45"/>
      <c r="B305" s="46"/>
      <c r="C305" s="47"/>
      <c r="D305" s="48"/>
      <c r="E305" s="49"/>
      <c r="F305" s="50"/>
      <c r="G305" s="51"/>
      <c r="H305" s="92" t="s">
        <v>54</v>
      </c>
      <c r="I305" s="93" t="s">
        <v>11</v>
      </c>
      <c r="J305" s="83" t="s">
        <v>55</v>
      </c>
      <c r="K305" s="83"/>
      <c r="L305" s="82" t="s">
        <v>11</v>
      </c>
      <c r="M305" s="83" t="s">
        <v>56</v>
      </c>
      <c r="N305" s="83"/>
      <c r="O305" s="82" t="s">
        <v>11</v>
      </c>
      <c r="P305" s="83" t="s">
        <v>57</v>
      </c>
      <c r="Q305" s="83"/>
      <c r="R305" s="82"/>
      <c r="S305" s="83"/>
      <c r="T305" s="83"/>
      <c r="U305" s="94"/>
      <c r="V305" s="94"/>
      <c r="W305" s="94"/>
      <c r="X305" s="95"/>
      <c r="Y305" s="68"/>
      <c r="Z305" s="68"/>
      <c r="AA305" s="68"/>
      <c r="AB305" s="69"/>
      <c r="AC305" s="80"/>
      <c r="AD305" s="68"/>
      <c r="AE305" s="68"/>
      <c r="AF305" s="69"/>
    </row>
    <row r="306" spans="1:32" ht="19.5" customHeight="1" x14ac:dyDescent="0.4">
      <c r="A306" s="96"/>
      <c r="B306" s="97"/>
      <c r="C306" s="98"/>
      <c r="D306" s="34"/>
      <c r="E306" s="41"/>
      <c r="F306" s="99"/>
      <c r="G306" s="100"/>
      <c r="H306" s="101" t="s">
        <v>58</v>
      </c>
      <c r="I306" s="102" t="s">
        <v>11</v>
      </c>
      <c r="J306" s="103" t="s">
        <v>25</v>
      </c>
      <c r="K306" s="103"/>
      <c r="L306" s="104" t="s">
        <v>11</v>
      </c>
      <c r="M306" s="103" t="s">
        <v>26</v>
      </c>
      <c r="N306" s="103"/>
      <c r="O306" s="103"/>
      <c r="P306" s="103"/>
      <c r="Q306" s="105"/>
      <c r="R306" s="105"/>
      <c r="S306" s="105"/>
      <c r="T306" s="105"/>
      <c r="U306" s="105"/>
      <c r="V306" s="105"/>
      <c r="W306" s="105"/>
      <c r="X306" s="106"/>
      <c r="Y306" s="107"/>
      <c r="Z306" s="107"/>
      <c r="AA306" s="107"/>
      <c r="AB306" s="108"/>
      <c r="AC306" s="109"/>
      <c r="AD306" s="107"/>
      <c r="AE306" s="107"/>
      <c r="AF306" s="108"/>
    </row>
    <row r="307" spans="1:32" ht="18.75" customHeight="1" x14ac:dyDescent="0.4">
      <c r="A307" s="122"/>
      <c r="B307" s="123"/>
      <c r="C307" s="124"/>
      <c r="D307" s="125"/>
      <c r="E307" s="25"/>
      <c r="F307" s="125"/>
      <c r="G307" s="126"/>
      <c r="H307" s="127" t="s">
        <v>222</v>
      </c>
      <c r="I307" s="128" t="s">
        <v>11</v>
      </c>
      <c r="J307" s="110" t="s">
        <v>25</v>
      </c>
      <c r="K307" s="110"/>
      <c r="L307" s="129"/>
      <c r="M307" s="130" t="s">
        <v>11</v>
      </c>
      <c r="N307" s="110" t="s">
        <v>71</v>
      </c>
      <c r="O307" s="110"/>
      <c r="P307" s="129"/>
      <c r="Q307" s="130" t="s">
        <v>11</v>
      </c>
      <c r="R307" s="131" t="s">
        <v>72</v>
      </c>
      <c r="S307" s="131"/>
      <c r="T307" s="131"/>
      <c r="U307" s="131"/>
      <c r="V307" s="131"/>
      <c r="W307" s="131"/>
      <c r="X307" s="132"/>
      <c r="Y307" s="156" t="s">
        <v>11</v>
      </c>
      <c r="Z307" s="23" t="s">
        <v>23</v>
      </c>
      <c r="AA307" s="23"/>
      <c r="AB307" s="60"/>
      <c r="AC307" s="156" t="s">
        <v>11</v>
      </c>
      <c r="AD307" s="23" t="s">
        <v>23</v>
      </c>
      <c r="AE307" s="23"/>
      <c r="AF307" s="60"/>
    </row>
    <row r="308" spans="1:32" ht="19.5" customHeight="1" x14ac:dyDescent="0.4">
      <c r="A308" s="45"/>
      <c r="B308" s="46"/>
      <c r="C308" s="47"/>
      <c r="D308" s="48"/>
      <c r="E308" s="49"/>
      <c r="F308" s="50"/>
      <c r="G308" s="51"/>
      <c r="H308" s="88" t="s">
        <v>20</v>
      </c>
      <c r="I308" s="53" t="s">
        <v>11</v>
      </c>
      <c r="J308" s="54" t="s">
        <v>21</v>
      </c>
      <c r="K308" s="55"/>
      <c r="L308" s="56"/>
      <c r="M308" s="57" t="s">
        <v>11</v>
      </c>
      <c r="N308" s="54" t="s">
        <v>22</v>
      </c>
      <c r="O308" s="57"/>
      <c r="P308" s="54"/>
      <c r="Q308" s="58"/>
      <c r="R308" s="58"/>
      <c r="S308" s="58"/>
      <c r="T308" s="58"/>
      <c r="U308" s="58"/>
      <c r="V308" s="58"/>
      <c r="W308" s="58"/>
      <c r="X308" s="59"/>
      <c r="Y308" s="85" t="s">
        <v>11</v>
      </c>
      <c r="Z308" s="67" t="s">
        <v>27</v>
      </c>
      <c r="AA308" s="68"/>
      <c r="AB308" s="69"/>
      <c r="AC308" s="85" t="s">
        <v>11</v>
      </c>
      <c r="AD308" s="67" t="s">
        <v>27</v>
      </c>
      <c r="AE308" s="68"/>
      <c r="AF308" s="69"/>
    </row>
    <row r="309" spans="1:32" ht="19.5" customHeight="1" x14ac:dyDescent="0.4">
      <c r="A309" s="48"/>
      <c r="B309" s="144"/>
      <c r="C309" s="187"/>
      <c r="F309" s="50"/>
      <c r="G309" s="51"/>
      <c r="H309" s="88" t="s">
        <v>73</v>
      </c>
      <c r="I309" s="53" t="s">
        <v>11</v>
      </c>
      <c r="J309" s="54" t="s">
        <v>21</v>
      </c>
      <c r="K309" s="55"/>
      <c r="L309" s="56"/>
      <c r="M309" s="57" t="s">
        <v>11</v>
      </c>
      <c r="N309" s="54" t="s">
        <v>22</v>
      </c>
      <c r="O309" s="57"/>
      <c r="P309" s="54"/>
      <c r="Q309" s="58"/>
      <c r="R309" s="58"/>
      <c r="S309" s="58"/>
      <c r="T309" s="58"/>
      <c r="U309" s="58"/>
      <c r="V309" s="58"/>
      <c r="W309" s="58"/>
      <c r="X309" s="59"/>
      <c r="Y309" s="85"/>
      <c r="Z309" s="67"/>
      <c r="AA309" s="68"/>
      <c r="AB309" s="69"/>
      <c r="AC309" s="85"/>
      <c r="AD309" s="67"/>
      <c r="AE309" s="68"/>
      <c r="AF309" s="69"/>
    </row>
    <row r="310" spans="1:32" ht="18.75" customHeight="1" x14ac:dyDescent="0.4">
      <c r="A310" s="85" t="s">
        <v>11</v>
      </c>
      <c r="B310" s="46">
        <v>69</v>
      </c>
      <c r="C310" s="61" t="s">
        <v>223</v>
      </c>
      <c r="D310" s="85" t="s">
        <v>11</v>
      </c>
      <c r="E310" s="49" t="s">
        <v>219</v>
      </c>
      <c r="F310" s="50"/>
      <c r="G310" s="62"/>
      <c r="H310" s="70" t="s">
        <v>28</v>
      </c>
      <c r="I310" s="71" t="s">
        <v>11</v>
      </c>
      <c r="J310" s="72" t="s">
        <v>29</v>
      </c>
      <c r="K310" s="72"/>
      <c r="L310" s="72"/>
      <c r="M310" s="71" t="s">
        <v>11</v>
      </c>
      <c r="N310" s="72" t="s">
        <v>30</v>
      </c>
      <c r="O310" s="72"/>
      <c r="P310" s="72"/>
      <c r="Q310" s="73"/>
      <c r="R310" s="73"/>
      <c r="S310" s="73"/>
      <c r="T310" s="73"/>
      <c r="U310" s="73"/>
      <c r="V310" s="73"/>
      <c r="W310" s="73"/>
      <c r="X310" s="74"/>
      <c r="Y310" s="80"/>
      <c r="Z310" s="68"/>
      <c r="AA310" s="68"/>
      <c r="AB310" s="69"/>
      <c r="AC310" s="80"/>
      <c r="AD310" s="68"/>
      <c r="AE310" s="68"/>
      <c r="AF310" s="69"/>
    </row>
    <row r="311" spans="1:32" ht="18.75" customHeight="1" x14ac:dyDescent="0.4">
      <c r="A311" s="48"/>
      <c r="B311" s="2"/>
      <c r="C311" s="61" t="s">
        <v>220</v>
      </c>
      <c r="D311" s="85" t="s">
        <v>11</v>
      </c>
      <c r="E311" s="49" t="s">
        <v>221</v>
      </c>
      <c r="F311" s="50"/>
      <c r="G311" s="62"/>
      <c r="H311" s="75"/>
      <c r="I311" s="76"/>
      <c r="J311" s="77"/>
      <c r="K311" s="77"/>
      <c r="L311" s="77"/>
      <c r="M311" s="76"/>
      <c r="N311" s="77"/>
      <c r="O311" s="77"/>
      <c r="P311" s="77"/>
      <c r="Q311" s="78"/>
      <c r="R311" s="78"/>
      <c r="S311" s="78"/>
      <c r="T311" s="78"/>
      <c r="U311" s="78"/>
      <c r="V311" s="78"/>
      <c r="W311" s="78"/>
      <c r="X311" s="79"/>
      <c r="Y311" s="80"/>
      <c r="Z311" s="68"/>
      <c r="AA311" s="68"/>
      <c r="AB311" s="69"/>
      <c r="AC311" s="80"/>
      <c r="AD311" s="68"/>
      <c r="AE311" s="68"/>
      <c r="AF311" s="69"/>
    </row>
    <row r="312" spans="1:32" ht="18.75" customHeight="1" x14ac:dyDescent="0.4">
      <c r="A312" s="45"/>
      <c r="B312" s="46"/>
      <c r="C312" s="61" t="s">
        <v>148</v>
      </c>
      <c r="D312" s="85"/>
      <c r="E312" s="49" t="s">
        <v>124</v>
      </c>
      <c r="F312" s="50"/>
      <c r="G312" s="62"/>
      <c r="H312" s="155" t="s">
        <v>125</v>
      </c>
      <c r="I312" s="53" t="s">
        <v>11</v>
      </c>
      <c r="J312" s="54" t="s">
        <v>25</v>
      </c>
      <c r="K312" s="54"/>
      <c r="L312" s="57" t="s">
        <v>11</v>
      </c>
      <c r="M312" s="54" t="s">
        <v>45</v>
      </c>
      <c r="N312" s="54"/>
      <c r="O312" s="57" t="s">
        <v>11</v>
      </c>
      <c r="P312" s="54" t="s">
        <v>46</v>
      </c>
      <c r="Q312" s="58"/>
      <c r="R312" s="58"/>
      <c r="S312" s="58"/>
      <c r="T312" s="58"/>
      <c r="U312" s="94"/>
      <c r="V312" s="94"/>
      <c r="W312" s="94"/>
      <c r="X312" s="95"/>
      <c r="Y312" s="80"/>
      <c r="Z312" s="68"/>
      <c r="AA312" s="68"/>
      <c r="AB312" s="69"/>
      <c r="AC312" s="80"/>
      <c r="AD312" s="68"/>
      <c r="AE312" s="68"/>
      <c r="AF312" s="69"/>
    </row>
    <row r="313" spans="1:32" ht="18.75" customHeight="1" x14ac:dyDescent="0.4">
      <c r="A313" s="85"/>
      <c r="B313" s="46"/>
      <c r="C313" s="187"/>
      <c r="F313" s="50"/>
      <c r="G313" s="62"/>
      <c r="H313" s="81" t="s">
        <v>48</v>
      </c>
      <c r="I313" s="53" t="s">
        <v>11</v>
      </c>
      <c r="J313" s="54" t="s">
        <v>25</v>
      </c>
      <c r="K313" s="54"/>
      <c r="L313" s="57" t="s">
        <v>11</v>
      </c>
      <c r="M313" s="54" t="s">
        <v>49</v>
      </c>
      <c r="N313" s="54"/>
      <c r="O313" s="57" t="s">
        <v>11</v>
      </c>
      <c r="P313" s="54" t="s">
        <v>50</v>
      </c>
      <c r="Q313" s="89"/>
      <c r="R313" s="57" t="s">
        <v>11</v>
      </c>
      <c r="S313" s="54" t="s">
        <v>51</v>
      </c>
      <c r="T313" s="89"/>
      <c r="U313" s="89"/>
      <c r="V313" s="89"/>
      <c r="W313" s="89"/>
      <c r="X313" s="113"/>
      <c r="Y313" s="80"/>
      <c r="Z313" s="68"/>
      <c r="AA313" s="68"/>
      <c r="AB313" s="69"/>
      <c r="AC313" s="80"/>
      <c r="AD313" s="68"/>
      <c r="AE313" s="68"/>
      <c r="AF313" s="69"/>
    </row>
    <row r="314" spans="1:32" ht="18.75" customHeight="1" x14ac:dyDescent="0.4">
      <c r="A314" s="45"/>
      <c r="B314" s="46"/>
      <c r="C314" s="47"/>
      <c r="D314" s="48"/>
      <c r="E314" s="49"/>
      <c r="F314" s="50"/>
      <c r="G314" s="51"/>
      <c r="H314" s="91" t="s">
        <v>52</v>
      </c>
      <c r="I314" s="53" t="s">
        <v>11</v>
      </c>
      <c r="J314" s="54" t="s">
        <v>25</v>
      </c>
      <c r="K314" s="54"/>
      <c r="L314" s="57" t="s">
        <v>11</v>
      </c>
      <c r="M314" s="54" t="s">
        <v>49</v>
      </c>
      <c r="N314" s="54"/>
      <c r="O314" s="57" t="s">
        <v>11</v>
      </c>
      <c r="P314" s="54" t="s">
        <v>50</v>
      </c>
      <c r="Q314" s="54"/>
      <c r="R314" s="57" t="s">
        <v>11</v>
      </c>
      <c r="S314" s="54" t="s">
        <v>53</v>
      </c>
      <c r="T314" s="54"/>
      <c r="U314" s="58"/>
      <c r="V314" s="58"/>
      <c r="W314" s="58"/>
      <c r="X314" s="59"/>
      <c r="Y314" s="68"/>
      <c r="Z314" s="68"/>
      <c r="AA314" s="68"/>
      <c r="AB314" s="69"/>
      <c r="AC314" s="80"/>
      <c r="AD314" s="68"/>
      <c r="AE314" s="68"/>
      <c r="AF314" s="69"/>
    </row>
    <row r="315" spans="1:32" ht="18.75" customHeight="1" x14ac:dyDescent="0.4">
      <c r="A315" s="45"/>
      <c r="B315" s="46"/>
      <c r="C315" s="47"/>
      <c r="D315" s="48"/>
      <c r="E315" s="49"/>
      <c r="F315" s="50"/>
      <c r="G315" s="51"/>
      <c r="H315" s="92" t="s">
        <v>54</v>
      </c>
      <c r="I315" s="93" t="s">
        <v>11</v>
      </c>
      <c r="J315" s="83" t="s">
        <v>55</v>
      </c>
      <c r="K315" s="83"/>
      <c r="L315" s="82" t="s">
        <v>11</v>
      </c>
      <c r="M315" s="83" t="s">
        <v>56</v>
      </c>
      <c r="N315" s="83"/>
      <c r="O315" s="82" t="s">
        <v>11</v>
      </c>
      <c r="P315" s="83" t="s">
        <v>57</v>
      </c>
      <c r="Q315" s="83"/>
      <c r="R315" s="82"/>
      <c r="S315" s="83"/>
      <c r="T315" s="83"/>
      <c r="U315" s="94"/>
      <c r="V315" s="94"/>
      <c r="W315" s="94"/>
      <c r="X315" s="95"/>
      <c r="Y315" s="68"/>
      <c r="Z315" s="68"/>
      <c r="AA315" s="68"/>
      <c r="AB315" s="69"/>
      <c r="AC315" s="80"/>
      <c r="AD315" s="68"/>
      <c r="AE315" s="68"/>
      <c r="AF315" s="69"/>
    </row>
    <row r="316" spans="1:32" ht="19.5" customHeight="1" x14ac:dyDescent="0.4">
      <c r="A316" s="96"/>
      <c r="B316" s="97"/>
      <c r="C316" s="98"/>
      <c r="D316" s="34"/>
      <c r="E316" s="41"/>
      <c r="F316" s="99"/>
      <c r="G316" s="100"/>
      <c r="H316" s="101" t="s">
        <v>58</v>
      </c>
      <c r="I316" s="102" t="s">
        <v>11</v>
      </c>
      <c r="J316" s="103" t="s">
        <v>25</v>
      </c>
      <c r="K316" s="103"/>
      <c r="L316" s="104" t="s">
        <v>11</v>
      </c>
      <c r="M316" s="103" t="s">
        <v>26</v>
      </c>
      <c r="N316" s="103"/>
      <c r="O316" s="103"/>
      <c r="P316" s="103"/>
      <c r="Q316" s="105"/>
      <c r="R316" s="105"/>
      <c r="S316" s="105"/>
      <c r="T316" s="105"/>
      <c r="U316" s="105"/>
      <c r="V316" s="105"/>
      <c r="W316" s="105"/>
      <c r="X316" s="106"/>
      <c r="Y316" s="107"/>
      <c r="Z316" s="107"/>
      <c r="AA316" s="107"/>
      <c r="AB316" s="108"/>
      <c r="AC316" s="109"/>
      <c r="AD316" s="107"/>
      <c r="AE316" s="107"/>
      <c r="AF316" s="108"/>
    </row>
    <row r="317" spans="1:32" ht="18.75" customHeight="1" x14ac:dyDescent="0.4">
      <c r="A317" s="122"/>
      <c r="B317" s="123"/>
      <c r="C317" s="124"/>
      <c r="D317" s="125"/>
      <c r="E317" s="25"/>
      <c r="F317" s="125"/>
      <c r="G317" s="126"/>
      <c r="H317" s="127" t="s">
        <v>128</v>
      </c>
      <c r="I317" s="128" t="s">
        <v>11</v>
      </c>
      <c r="J317" s="110" t="s">
        <v>129</v>
      </c>
      <c r="K317" s="158"/>
      <c r="L317" s="129"/>
      <c r="M317" s="130" t="s">
        <v>11</v>
      </c>
      <c r="N317" s="110" t="s">
        <v>130</v>
      </c>
      <c r="O317" s="111"/>
      <c r="P317" s="111"/>
      <c r="Q317" s="111"/>
      <c r="R317" s="111"/>
      <c r="S317" s="111"/>
      <c r="T317" s="111"/>
      <c r="U317" s="111"/>
      <c r="V317" s="111"/>
      <c r="W317" s="111"/>
      <c r="X317" s="112"/>
      <c r="Y317" s="156" t="s">
        <v>11</v>
      </c>
      <c r="Z317" s="23" t="s">
        <v>23</v>
      </c>
      <c r="AA317" s="23"/>
      <c r="AB317" s="60"/>
      <c r="AC317" s="156" t="s">
        <v>11</v>
      </c>
      <c r="AD317" s="23" t="s">
        <v>23</v>
      </c>
      <c r="AE317" s="23"/>
      <c r="AF317" s="60"/>
    </row>
    <row r="318" spans="1:32" ht="18.75" customHeight="1" x14ac:dyDescent="0.4">
      <c r="A318" s="45"/>
      <c r="B318" s="46"/>
      <c r="C318" s="61"/>
      <c r="D318" s="50"/>
      <c r="E318" s="49"/>
      <c r="F318" s="50"/>
      <c r="G318" s="62"/>
      <c r="H318" s="81" t="s">
        <v>70</v>
      </c>
      <c r="I318" s="53" t="s">
        <v>11</v>
      </c>
      <c r="J318" s="54" t="s">
        <v>25</v>
      </c>
      <c r="K318" s="54"/>
      <c r="L318" s="56"/>
      <c r="M318" s="57" t="s">
        <v>11</v>
      </c>
      <c r="N318" s="54" t="s">
        <v>131</v>
      </c>
      <c r="O318" s="54"/>
      <c r="P318" s="56"/>
      <c r="Q318" s="55"/>
      <c r="R318" s="55"/>
      <c r="S318" s="55"/>
      <c r="T318" s="55"/>
      <c r="U318" s="55"/>
      <c r="V318" s="55"/>
      <c r="W318" s="55"/>
      <c r="X318" s="84"/>
      <c r="Y318" s="85" t="s">
        <v>11</v>
      </c>
      <c r="Z318" s="67" t="s">
        <v>27</v>
      </c>
      <c r="AA318" s="68"/>
      <c r="AB318" s="69"/>
      <c r="AC318" s="85" t="s">
        <v>11</v>
      </c>
      <c r="AD318" s="67" t="s">
        <v>27</v>
      </c>
      <c r="AE318" s="68"/>
      <c r="AF318" s="69"/>
    </row>
    <row r="319" spans="1:32" ht="18.75" customHeight="1" x14ac:dyDescent="0.4">
      <c r="A319" s="45"/>
      <c r="B319" s="46"/>
      <c r="C319" s="61"/>
      <c r="D319" s="50"/>
      <c r="E319" s="49"/>
      <c r="F319" s="50"/>
      <c r="G319" s="62"/>
      <c r="H319" s="86" t="s">
        <v>132</v>
      </c>
      <c r="I319" s="53" t="s">
        <v>11</v>
      </c>
      <c r="J319" s="54" t="s">
        <v>21</v>
      </c>
      <c r="K319" s="55"/>
      <c r="L319" s="56"/>
      <c r="M319" s="57" t="s">
        <v>11</v>
      </c>
      <c r="N319" s="54" t="s">
        <v>133</v>
      </c>
      <c r="O319" s="58"/>
      <c r="P319" s="58"/>
      <c r="Q319" s="55"/>
      <c r="R319" s="55"/>
      <c r="S319" s="55"/>
      <c r="T319" s="55"/>
      <c r="U319" s="55"/>
      <c r="V319" s="55"/>
      <c r="W319" s="55"/>
      <c r="X319" s="84"/>
      <c r="Y319" s="80"/>
      <c r="Z319" s="68"/>
      <c r="AA319" s="68"/>
      <c r="AB319" s="69"/>
      <c r="AC319" s="80"/>
      <c r="AD319" s="68"/>
      <c r="AE319" s="68"/>
      <c r="AF319" s="69"/>
    </row>
    <row r="320" spans="1:32" ht="19.5" customHeight="1" x14ac:dyDescent="0.4">
      <c r="A320" s="45"/>
      <c r="B320" s="46"/>
      <c r="C320" s="47"/>
      <c r="D320" s="48"/>
      <c r="E320" s="49"/>
      <c r="F320" s="50"/>
      <c r="G320" s="51"/>
      <c r="H320" s="88" t="s">
        <v>20</v>
      </c>
      <c r="I320" s="53" t="s">
        <v>11</v>
      </c>
      <c r="J320" s="54" t="s">
        <v>21</v>
      </c>
      <c r="K320" s="55"/>
      <c r="L320" s="56"/>
      <c r="M320" s="57" t="s">
        <v>11</v>
      </c>
      <c r="N320" s="54" t="s">
        <v>22</v>
      </c>
      <c r="O320" s="57"/>
      <c r="P320" s="54"/>
      <c r="Q320" s="58"/>
      <c r="R320" s="58"/>
      <c r="S320" s="58"/>
      <c r="T320" s="58"/>
      <c r="U320" s="58"/>
      <c r="V320" s="58"/>
      <c r="W320" s="58"/>
      <c r="X320" s="59"/>
      <c r="Y320" s="68"/>
      <c r="Z320" s="68"/>
      <c r="AA320" s="68"/>
      <c r="AB320" s="69"/>
      <c r="AC320" s="80"/>
      <c r="AD320" s="68"/>
      <c r="AE320" s="68"/>
      <c r="AF320" s="69"/>
    </row>
    <row r="321" spans="1:32" ht="19.5" customHeight="1" x14ac:dyDescent="0.4">
      <c r="A321" s="45"/>
      <c r="B321" s="46"/>
      <c r="C321" s="47"/>
      <c r="D321" s="48"/>
      <c r="E321" s="49"/>
      <c r="F321" s="50"/>
      <c r="G321" s="51"/>
      <c r="H321" s="88" t="s">
        <v>73</v>
      </c>
      <c r="I321" s="53" t="s">
        <v>11</v>
      </c>
      <c r="J321" s="54" t="s">
        <v>21</v>
      </c>
      <c r="K321" s="55"/>
      <c r="L321" s="56"/>
      <c r="M321" s="57" t="s">
        <v>11</v>
      </c>
      <c r="N321" s="54" t="s">
        <v>22</v>
      </c>
      <c r="O321" s="57"/>
      <c r="P321" s="54"/>
      <c r="Q321" s="58"/>
      <c r="R321" s="58"/>
      <c r="S321" s="58"/>
      <c r="T321" s="58"/>
      <c r="U321" s="58"/>
      <c r="V321" s="58"/>
      <c r="W321" s="58"/>
      <c r="X321" s="59"/>
      <c r="Y321" s="68"/>
      <c r="Z321" s="68"/>
      <c r="AA321" s="68"/>
      <c r="AB321" s="69"/>
      <c r="AC321" s="80"/>
      <c r="AD321" s="68"/>
      <c r="AE321" s="68"/>
      <c r="AF321" s="69"/>
    </row>
    <row r="322" spans="1:32" ht="18.75" customHeight="1" x14ac:dyDescent="0.4">
      <c r="A322" s="45"/>
      <c r="B322" s="46"/>
      <c r="C322" s="61"/>
      <c r="D322" s="50"/>
      <c r="E322" s="49"/>
      <c r="F322" s="50"/>
      <c r="G322" s="62"/>
      <c r="H322" s="160" t="s">
        <v>134</v>
      </c>
      <c r="I322" s="71" t="s">
        <v>11</v>
      </c>
      <c r="J322" s="72" t="s">
        <v>25</v>
      </c>
      <c r="K322" s="72"/>
      <c r="L322" s="71" t="s">
        <v>11</v>
      </c>
      <c r="M322" s="72" t="s">
        <v>26</v>
      </c>
      <c r="N322" s="72"/>
      <c r="O322" s="83"/>
      <c r="P322" s="83"/>
      <c r="Q322" s="83"/>
      <c r="R322" s="83"/>
      <c r="S322" s="83"/>
      <c r="T322" s="83"/>
      <c r="U322" s="83"/>
      <c r="V322" s="83"/>
      <c r="W322" s="83"/>
      <c r="X322" s="149"/>
      <c r="Y322" s="80"/>
      <c r="Z322" s="68"/>
      <c r="AA322" s="68"/>
      <c r="AB322" s="69"/>
      <c r="AC322" s="80"/>
      <c r="AD322" s="68"/>
      <c r="AE322" s="68"/>
      <c r="AF322" s="69"/>
    </row>
    <row r="323" spans="1:32" ht="18.75" customHeight="1" x14ac:dyDescent="0.4">
      <c r="A323" s="45"/>
      <c r="B323" s="46"/>
      <c r="C323" s="61"/>
      <c r="D323" s="50"/>
      <c r="E323" s="49"/>
      <c r="F323" s="50"/>
      <c r="G323" s="62"/>
      <c r="H323" s="161"/>
      <c r="I323" s="76"/>
      <c r="J323" s="77"/>
      <c r="K323" s="77"/>
      <c r="L323" s="76"/>
      <c r="M323" s="77"/>
      <c r="N323" s="77"/>
      <c r="O323" s="64"/>
      <c r="P323" s="64"/>
      <c r="Q323" s="64"/>
      <c r="R323" s="64"/>
      <c r="S323" s="64"/>
      <c r="T323" s="64"/>
      <c r="U323" s="64"/>
      <c r="V323" s="64"/>
      <c r="W323" s="64"/>
      <c r="X323" s="66"/>
      <c r="Y323" s="80"/>
      <c r="Z323" s="68"/>
      <c r="AA323" s="68"/>
      <c r="AB323" s="69"/>
      <c r="AC323" s="80"/>
      <c r="AD323" s="68"/>
      <c r="AE323" s="68"/>
      <c r="AF323" s="69"/>
    </row>
    <row r="324" spans="1:32" ht="18.75" customHeight="1" x14ac:dyDescent="0.4">
      <c r="A324" s="45"/>
      <c r="B324" s="46"/>
      <c r="C324" s="61"/>
      <c r="D324" s="50"/>
      <c r="E324" s="49"/>
      <c r="F324" s="50"/>
      <c r="G324" s="62"/>
      <c r="H324" s="81" t="s">
        <v>135</v>
      </c>
      <c r="I324" s="93" t="s">
        <v>11</v>
      </c>
      <c r="J324" s="54" t="s">
        <v>25</v>
      </c>
      <c r="K324" s="54"/>
      <c r="L324" s="57" t="s">
        <v>11</v>
      </c>
      <c r="M324" s="54" t="s">
        <v>45</v>
      </c>
      <c r="N324" s="54"/>
      <c r="O324" s="82" t="s">
        <v>11</v>
      </c>
      <c r="P324" s="54" t="s">
        <v>46</v>
      </c>
      <c r="Q324" s="89"/>
      <c r="R324" s="89"/>
      <c r="S324" s="89"/>
      <c r="T324" s="89"/>
      <c r="U324" s="89"/>
      <c r="V324" s="89"/>
      <c r="W324" s="89"/>
      <c r="X324" s="113"/>
      <c r="Y324" s="80"/>
      <c r="Z324" s="68"/>
      <c r="AA324" s="68"/>
      <c r="AB324" s="69"/>
      <c r="AC324" s="80"/>
      <c r="AD324" s="68"/>
      <c r="AE324" s="68"/>
      <c r="AF324" s="69"/>
    </row>
    <row r="325" spans="1:32" ht="18.75" customHeight="1" x14ac:dyDescent="0.4">
      <c r="A325" s="45"/>
      <c r="B325" s="46"/>
      <c r="C325" s="61"/>
      <c r="D325" s="50"/>
      <c r="E325" s="49"/>
      <c r="F325" s="50"/>
      <c r="G325" s="62"/>
      <c r="H325" s="81" t="s">
        <v>110</v>
      </c>
      <c r="I325" s="53" t="s">
        <v>11</v>
      </c>
      <c r="J325" s="54" t="s">
        <v>25</v>
      </c>
      <c r="K325" s="55"/>
      <c r="L325" s="57" t="s">
        <v>11</v>
      </c>
      <c r="M325" s="54" t="s">
        <v>26</v>
      </c>
      <c r="N325" s="89"/>
      <c r="O325" s="89"/>
      <c r="P325" s="89"/>
      <c r="Q325" s="89"/>
      <c r="R325" s="89"/>
      <c r="S325" s="89"/>
      <c r="T325" s="89"/>
      <c r="U325" s="89"/>
      <c r="V325" s="89"/>
      <c r="W325" s="89"/>
      <c r="X325" s="113"/>
      <c r="Y325" s="80"/>
      <c r="Z325" s="68"/>
      <c r="AA325" s="68"/>
      <c r="AB325" s="69"/>
      <c r="AC325" s="80"/>
      <c r="AD325" s="68"/>
      <c r="AE325" s="68"/>
      <c r="AF325" s="69"/>
    </row>
    <row r="326" spans="1:32" ht="18.75" customHeight="1" x14ac:dyDescent="0.4">
      <c r="A326" s="85" t="s">
        <v>11</v>
      </c>
      <c r="B326" s="46">
        <v>37</v>
      </c>
      <c r="C326" s="61" t="s">
        <v>216</v>
      </c>
      <c r="D326" s="85" t="s">
        <v>11</v>
      </c>
      <c r="E326" s="49" t="s">
        <v>62</v>
      </c>
      <c r="F326" s="50"/>
      <c r="G326" s="62"/>
      <c r="H326" s="86" t="s">
        <v>224</v>
      </c>
      <c r="I326" s="53" t="s">
        <v>11</v>
      </c>
      <c r="J326" s="54" t="s">
        <v>38</v>
      </c>
      <c r="K326" s="55"/>
      <c r="L326" s="56"/>
      <c r="M326" s="57" t="s">
        <v>11</v>
      </c>
      <c r="N326" s="54" t="s">
        <v>39</v>
      </c>
      <c r="O326" s="58"/>
      <c r="P326" s="58"/>
      <c r="Q326" s="58"/>
      <c r="R326" s="58"/>
      <c r="S326" s="58"/>
      <c r="T326" s="58"/>
      <c r="U326" s="58"/>
      <c r="V326" s="58"/>
      <c r="W326" s="58"/>
      <c r="X326" s="59"/>
      <c r="Y326" s="80"/>
      <c r="Z326" s="68"/>
      <c r="AA326" s="68"/>
      <c r="AB326" s="69"/>
      <c r="AC326" s="80"/>
      <c r="AD326" s="68"/>
      <c r="AE326" s="68"/>
      <c r="AF326" s="69"/>
    </row>
    <row r="327" spans="1:32" ht="18.75" customHeight="1" x14ac:dyDescent="0.4">
      <c r="A327" s="45"/>
      <c r="B327" s="46"/>
      <c r="C327" s="61" t="s">
        <v>225</v>
      </c>
      <c r="D327" s="85" t="s">
        <v>11</v>
      </c>
      <c r="E327" s="49" t="s">
        <v>63</v>
      </c>
      <c r="F327" s="50"/>
      <c r="G327" s="62"/>
      <c r="H327" s="81" t="s">
        <v>44</v>
      </c>
      <c r="I327" s="93" t="s">
        <v>11</v>
      </c>
      <c r="J327" s="54" t="s">
        <v>25</v>
      </c>
      <c r="K327" s="54"/>
      <c r="L327" s="57" t="s">
        <v>11</v>
      </c>
      <c r="M327" s="54" t="s">
        <v>45</v>
      </c>
      <c r="N327" s="54"/>
      <c r="O327" s="82" t="s">
        <v>11</v>
      </c>
      <c r="P327" s="54" t="s">
        <v>46</v>
      </c>
      <c r="Q327" s="89"/>
      <c r="R327" s="89"/>
      <c r="S327" s="89"/>
      <c r="T327" s="89"/>
      <c r="U327" s="89"/>
      <c r="V327" s="89"/>
      <c r="W327" s="89"/>
      <c r="X327" s="113"/>
      <c r="Y327" s="80"/>
      <c r="Z327" s="68"/>
      <c r="AA327" s="68"/>
      <c r="AB327" s="69"/>
      <c r="AC327" s="80"/>
      <c r="AD327" s="68"/>
      <c r="AE327" s="68"/>
      <c r="AF327" s="69"/>
    </row>
    <row r="328" spans="1:32" ht="18.75" customHeight="1" x14ac:dyDescent="0.4">
      <c r="A328" s="45"/>
      <c r="B328" s="46"/>
      <c r="C328" s="162"/>
      <c r="D328" s="85" t="s">
        <v>11</v>
      </c>
      <c r="E328" s="49" t="s">
        <v>143</v>
      </c>
      <c r="F328" s="50"/>
      <c r="G328" s="62"/>
      <c r="H328" s="151" t="s">
        <v>145</v>
      </c>
      <c r="I328" s="53" t="s">
        <v>11</v>
      </c>
      <c r="J328" s="54" t="s">
        <v>25</v>
      </c>
      <c r="K328" s="54"/>
      <c r="L328" s="57" t="s">
        <v>11</v>
      </c>
      <c r="M328" s="54" t="s">
        <v>45</v>
      </c>
      <c r="N328" s="54"/>
      <c r="O328" s="57" t="s">
        <v>11</v>
      </c>
      <c r="P328" s="54" t="s">
        <v>46</v>
      </c>
      <c r="Q328" s="55"/>
      <c r="R328" s="55"/>
      <c r="S328" s="55"/>
      <c r="T328" s="55"/>
      <c r="U328" s="55"/>
      <c r="V328" s="55"/>
      <c r="W328" s="55"/>
      <c r="X328" s="84"/>
      <c r="Y328" s="80"/>
      <c r="Z328" s="68"/>
      <c r="AA328" s="68"/>
      <c r="AB328" s="69"/>
      <c r="AC328" s="80"/>
      <c r="AD328" s="68"/>
      <c r="AE328" s="68"/>
      <c r="AF328" s="69"/>
    </row>
    <row r="329" spans="1:32" ht="18.75" customHeight="1" x14ac:dyDescent="0.4">
      <c r="A329" s="45"/>
      <c r="B329" s="46"/>
      <c r="C329" s="61"/>
      <c r="D329" s="85" t="s">
        <v>11</v>
      </c>
      <c r="E329" s="49" t="s">
        <v>144</v>
      </c>
      <c r="F329" s="50"/>
      <c r="G329" s="62"/>
      <c r="H329" s="91" t="s">
        <v>97</v>
      </c>
      <c r="I329" s="53" t="s">
        <v>11</v>
      </c>
      <c r="J329" s="54" t="s">
        <v>25</v>
      </c>
      <c r="K329" s="55"/>
      <c r="L329" s="57" t="s">
        <v>11</v>
      </c>
      <c r="M329" s="54" t="s">
        <v>26</v>
      </c>
      <c r="N329" s="89"/>
      <c r="O329" s="89"/>
      <c r="P329" s="89"/>
      <c r="Q329" s="89"/>
      <c r="R329" s="89"/>
      <c r="S329" s="89"/>
      <c r="T329" s="89"/>
      <c r="U329" s="89"/>
      <c r="V329" s="89"/>
      <c r="W329" s="89"/>
      <c r="X329" s="113"/>
      <c r="Y329" s="80"/>
      <c r="Z329" s="68"/>
      <c r="AA329" s="68"/>
      <c r="AB329" s="69"/>
      <c r="AC329" s="80"/>
      <c r="AD329" s="68"/>
      <c r="AE329" s="68"/>
      <c r="AF329" s="69"/>
    </row>
    <row r="330" spans="1:32" ht="18.75" customHeight="1" x14ac:dyDescent="0.4">
      <c r="A330" s="45"/>
      <c r="B330" s="46"/>
      <c r="C330" s="47"/>
      <c r="D330" s="48"/>
      <c r="E330" s="49"/>
      <c r="F330" s="50"/>
      <c r="G330" s="49"/>
      <c r="H330" s="151" t="s">
        <v>146</v>
      </c>
      <c r="I330" s="53" t="s">
        <v>11</v>
      </c>
      <c r="J330" s="54" t="s">
        <v>25</v>
      </c>
      <c r="K330" s="54"/>
      <c r="L330" s="57" t="s">
        <v>11</v>
      </c>
      <c r="M330" s="64" t="s">
        <v>26</v>
      </c>
      <c r="N330" s="54"/>
      <c r="O330" s="54"/>
      <c r="P330" s="54"/>
      <c r="Q330" s="55"/>
      <c r="R330" s="55"/>
      <c r="S330" s="55"/>
      <c r="T330" s="55"/>
      <c r="U330" s="55"/>
      <c r="V330" s="55"/>
      <c r="W330" s="55"/>
      <c r="X330" s="84"/>
      <c r="Y330" s="80"/>
      <c r="Z330" s="68"/>
      <c r="AA330" s="68"/>
      <c r="AB330" s="69"/>
      <c r="AC330" s="80"/>
      <c r="AD330" s="68"/>
      <c r="AE330" s="68"/>
      <c r="AF330" s="69"/>
    </row>
    <row r="331" spans="1:32" ht="18.75" customHeight="1" x14ac:dyDescent="0.4">
      <c r="A331" s="45"/>
      <c r="B331" s="46"/>
      <c r="C331" s="47"/>
      <c r="D331" s="48"/>
      <c r="E331" s="49"/>
      <c r="F331" s="50"/>
      <c r="G331" s="49"/>
      <c r="H331" s="151" t="s">
        <v>147</v>
      </c>
      <c r="I331" s="53" t="s">
        <v>11</v>
      </c>
      <c r="J331" s="54" t="s">
        <v>25</v>
      </c>
      <c r="K331" s="54"/>
      <c r="L331" s="57" t="s">
        <v>11</v>
      </c>
      <c r="M331" s="64" t="s">
        <v>26</v>
      </c>
      <c r="N331" s="54"/>
      <c r="O331" s="54"/>
      <c r="P331" s="54"/>
      <c r="Q331" s="55"/>
      <c r="R331" s="55"/>
      <c r="S331" s="55"/>
      <c r="T331" s="55"/>
      <c r="U331" s="55"/>
      <c r="V331" s="55"/>
      <c r="W331" s="55"/>
      <c r="X331" s="84"/>
      <c r="Y331" s="80"/>
      <c r="Z331" s="68"/>
      <c r="AA331" s="68"/>
      <c r="AB331" s="69"/>
      <c r="AC331" s="80"/>
      <c r="AD331" s="68"/>
      <c r="AE331" s="68"/>
      <c r="AF331" s="69"/>
    </row>
    <row r="332" spans="1:32" ht="18.75" customHeight="1" x14ac:dyDescent="0.4">
      <c r="A332" s="45"/>
      <c r="B332" s="46"/>
      <c r="C332" s="47"/>
      <c r="D332" s="48"/>
      <c r="E332" s="49"/>
      <c r="F332" s="50"/>
      <c r="G332" s="62"/>
      <c r="H332" s="155" t="s">
        <v>125</v>
      </c>
      <c r="I332" s="53" t="s">
        <v>11</v>
      </c>
      <c r="J332" s="54" t="s">
        <v>25</v>
      </c>
      <c r="K332" s="54"/>
      <c r="L332" s="57" t="s">
        <v>11</v>
      </c>
      <c r="M332" s="54" t="s">
        <v>45</v>
      </c>
      <c r="N332" s="54"/>
      <c r="O332" s="57" t="s">
        <v>11</v>
      </c>
      <c r="P332" s="54" t="s">
        <v>46</v>
      </c>
      <c r="Q332" s="58"/>
      <c r="R332" s="58"/>
      <c r="S332" s="58"/>
      <c r="T332" s="58"/>
      <c r="U332" s="94"/>
      <c r="V332" s="94"/>
      <c r="W332" s="94"/>
      <c r="X332" s="95"/>
      <c r="Y332" s="80"/>
      <c r="Z332" s="68"/>
      <c r="AA332" s="68"/>
      <c r="AB332" s="69"/>
      <c r="AC332" s="80"/>
      <c r="AD332" s="68"/>
      <c r="AE332" s="68"/>
      <c r="AF332" s="69"/>
    </row>
    <row r="333" spans="1:32" ht="18.75" customHeight="1" x14ac:dyDescent="0.4">
      <c r="A333" s="45"/>
      <c r="B333" s="46"/>
      <c r="C333" s="61"/>
      <c r="D333" s="50"/>
      <c r="E333" s="49"/>
      <c r="F333" s="50"/>
      <c r="G333" s="62"/>
      <c r="H333" s="81" t="s">
        <v>48</v>
      </c>
      <c r="I333" s="53" t="s">
        <v>11</v>
      </c>
      <c r="J333" s="54" t="s">
        <v>25</v>
      </c>
      <c r="K333" s="54"/>
      <c r="L333" s="57" t="s">
        <v>11</v>
      </c>
      <c r="M333" s="54" t="s">
        <v>49</v>
      </c>
      <c r="N333" s="54"/>
      <c r="O333" s="57" t="s">
        <v>11</v>
      </c>
      <c r="P333" s="54" t="s">
        <v>50</v>
      </c>
      <c r="Q333" s="89"/>
      <c r="R333" s="57" t="s">
        <v>11</v>
      </c>
      <c r="S333" s="54" t="s">
        <v>51</v>
      </c>
      <c r="T333" s="89"/>
      <c r="U333" s="89"/>
      <c r="V333" s="89"/>
      <c r="W333" s="89"/>
      <c r="X333" s="113"/>
      <c r="Y333" s="80"/>
      <c r="Z333" s="68"/>
      <c r="AA333" s="68"/>
      <c r="AB333" s="69"/>
      <c r="AC333" s="80"/>
      <c r="AD333" s="68"/>
      <c r="AE333" s="68"/>
      <c r="AF333" s="69"/>
    </row>
    <row r="334" spans="1:32" ht="18.75" customHeight="1" x14ac:dyDescent="0.4">
      <c r="A334" s="45"/>
      <c r="B334" s="46"/>
      <c r="C334" s="47"/>
      <c r="D334" s="48"/>
      <c r="E334" s="49"/>
      <c r="F334" s="50"/>
      <c r="G334" s="51"/>
      <c r="H334" s="91" t="s">
        <v>52</v>
      </c>
      <c r="I334" s="53" t="s">
        <v>11</v>
      </c>
      <c r="J334" s="54" t="s">
        <v>25</v>
      </c>
      <c r="K334" s="54"/>
      <c r="L334" s="57" t="s">
        <v>11</v>
      </c>
      <c r="M334" s="54" t="s">
        <v>49</v>
      </c>
      <c r="N334" s="54"/>
      <c r="O334" s="57" t="s">
        <v>11</v>
      </c>
      <c r="P334" s="54" t="s">
        <v>50</v>
      </c>
      <c r="Q334" s="54"/>
      <c r="R334" s="57" t="s">
        <v>11</v>
      </c>
      <c r="S334" s="54" t="s">
        <v>53</v>
      </c>
      <c r="T334" s="54"/>
      <c r="U334" s="58"/>
      <c r="V334" s="58"/>
      <c r="W334" s="58"/>
      <c r="X334" s="59"/>
      <c r="Y334" s="68"/>
      <c r="Z334" s="68"/>
      <c r="AA334" s="68"/>
      <c r="AB334" s="69"/>
      <c r="AC334" s="80"/>
      <c r="AD334" s="68"/>
      <c r="AE334" s="68"/>
      <c r="AF334" s="69"/>
    </row>
    <row r="335" spans="1:32" ht="18.75" customHeight="1" x14ac:dyDescent="0.4">
      <c r="A335" s="45"/>
      <c r="B335" s="46"/>
      <c r="C335" s="47"/>
      <c r="D335" s="48"/>
      <c r="E335" s="49"/>
      <c r="F335" s="50"/>
      <c r="G335" s="51"/>
      <c r="H335" s="92" t="s">
        <v>54</v>
      </c>
      <c r="I335" s="93" t="s">
        <v>11</v>
      </c>
      <c r="J335" s="83" t="s">
        <v>55</v>
      </c>
      <c r="K335" s="83"/>
      <c r="L335" s="82" t="s">
        <v>11</v>
      </c>
      <c r="M335" s="83" t="s">
        <v>56</v>
      </c>
      <c r="N335" s="83"/>
      <c r="O335" s="82" t="s">
        <v>11</v>
      </c>
      <c r="P335" s="83" t="s">
        <v>57</v>
      </c>
      <c r="Q335" s="83"/>
      <c r="R335" s="82"/>
      <c r="S335" s="83"/>
      <c r="T335" s="83"/>
      <c r="U335" s="94"/>
      <c r="V335" s="94"/>
      <c r="W335" s="94"/>
      <c r="X335" s="95"/>
      <c r="Y335" s="68"/>
      <c r="Z335" s="68"/>
      <c r="AA335" s="68"/>
      <c r="AB335" s="69"/>
      <c r="AC335" s="80"/>
      <c r="AD335" s="68"/>
      <c r="AE335" s="68"/>
      <c r="AF335" s="69"/>
    </row>
    <row r="336" spans="1:32" ht="19.5" customHeight="1" x14ac:dyDescent="0.4">
      <c r="A336" s="96"/>
      <c r="B336" s="97"/>
      <c r="C336" s="98"/>
      <c r="D336" s="34"/>
      <c r="E336" s="41"/>
      <c r="F336" s="99"/>
      <c r="G336" s="100"/>
      <c r="H336" s="101" t="s">
        <v>58</v>
      </c>
      <c r="I336" s="102" t="s">
        <v>11</v>
      </c>
      <c r="J336" s="103" t="s">
        <v>25</v>
      </c>
      <c r="K336" s="103"/>
      <c r="L336" s="104" t="s">
        <v>11</v>
      </c>
      <c r="M336" s="103" t="s">
        <v>26</v>
      </c>
      <c r="N336" s="103"/>
      <c r="O336" s="103"/>
      <c r="P336" s="103"/>
      <c r="Q336" s="105"/>
      <c r="R336" s="105"/>
      <c r="S336" s="105"/>
      <c r="T336" s="105"/>
      <c r="U336" s="105"/>
      <c r="V336" s="105"/>
      <c r="W336" s="105"/>
      <c r="X336" s="106"/>
      <c r="Y336" s="107"/>
      <c r="Z336" s="107"/>
      <c r="AA336" s="107"/>
      <c r="AB336" s="108"/>
      <c r="AC336" s="109"/>
      <c r="AD336" s="107"/>
      <c r="AE336" s="107"/>
      <c r="AF336" s="108"/>
    </row>
    <row r="337" spans="1:32" ht="18.75" customHeight="1" x14ac:dyDescent="0.4">
      <c r="A337" s="122"/>
      <c r="B337" s="123"/>
      <c r="C337" s="124"/>
      <c r="D337" s="125"/>
      <c r="E337" s="25"/>
      <c r="F337" s="157"/>
      <c r="G337" s="188"/>
      <c r="H337" s="127" t="s">
        <v>128</v>
      </c>
      <c r="I337" s="128" t="s">
        <v>11</v>
      </c>
      <c r="J337" s="110" t="s">
        <v>129</v>
      </c>
      <c r="K337" s="158"/>
      <c r="L337" s="129"/>
      <c r="M337" s="130" t="s">
        <v>11</v>
      </c>
      <c r="N337" s="110" t="s">
        <v>130</v>
      </c>
      <c r="O337" s="111"/>
      <c r="P337" s="111"/>
      <c r="Q337" s="111"/>
      <c r="R337" s="111"/>
      <c r="S337" s="111"/>
      <c r="T337" s="111"/>
      <c r="U337" s="111"/>
      <c r="V337" s="111"/>
      <c r="W337" s="111"/>
      <c r="X337" s="112"/>
      <c r="Y337" s="156" t="s">
        <v>11</v>
      </c>
      <c r="Z337" s="23" t="s">
        <v>23</v>
      </c>
      <c r="AA337" s="23"/>
      <c r="AB337" s="60"/>
      <c r="AC337" s="156" t="s">
        <v>11</v>
      </c>
      <c r="AD337" s="23" t="s">
        <v>23</v>
      </c>
      <c r="AE337" s="23"/>
      <c r="AF337" s="60"/>
    </row>
    <row r="338" spans="1:32" ht="18.75" customHeight="1" x14ac:dyDescent="0.4">
      <c r="A338" s="45"/>
      <c r="B338" s="46"/>
      <c r="C338" s="61"/>
      <c r="D338" s="50"/>
      <c r="E338" s="49"/>
      <c r="F338" s="159"/>
      <c r="G338" s="189"/>
      <c r="H338" s="81" t="s">
        <v>70</v>
      </c>
      <c r="I338" s="53" t="s">
        <v>11</v>
      </c>
      <c r="J338" s="54" t="s">
        <v>25</v>
      </c>
      <c r="K338" s="54"/>
      <c r="L338" s="56"/>
      <c r="M338" s="57" t="s">
        <v>11</v>
      </c>
      <c r="N338" s="54" t="s">
        <v>131</v>
      </c>
      <c r="O338" s="54"/>
      <c r="P338" s="56"/>
      <c r="Q338" s="55"/>
      <c r="R338" s="55"/>
      <c r="S338" s="55"/>
      <c r="T338" s="55"/>
      <c r="U338" s="55"/>
      <c r="V338" s="55"/>
      <c r="W338" s="55"/>
      <c r="X338" s="84"/>
      <c r="Y338" s="85" t="s">
        <v>11</v>
      </c>
      <c r="Z338" s="67" t="s">
        <v>27</v>
      </c>
      <c r="AA338" s="68"/>
      <c r="AB338" s="69"/>
      <c r="AC338" s="85" t="s">
        <v>11</v>
      </c>
      <c r="AD338" s="67" t="s">
        <v>27</v>
      </c>
      <c r="AE338" s="68"/>
      <c r="AF338" s="69"/>
    </row>
    <row r="339" spans="1:32" ht="19.5" customHeight="1" x14ac:dyDescent="0.4">
      <c r="A339" s="45"/>
      <c r="B339" s="46"/>
      <c r="C339" s="47"/>
      <c r="D339" s="48"/>
      <c r="E339" s="49"/>
      <c r="F339" s="50"/>
      <c r="G339" s="51"/>
      <c r="H339" s="88" t="s">
        <v>20</v>
      </c>
      <c r="I339" s="53" t="s">
        <v>11</v>
      </c>
      <c r="J339" s="54" t="s">
        <v>21</v>
      </c>
      <c r="K339" s="55"/>
      <c r="L339" s="56"/>
      <c r="M339" s="57" t="s">
        <v>11</v>
      </c>
      <c r="N339" s="54" t="s">
        <v>22</v>
      </c>
      <c r="O339" s="57"/>
      <c r="P339" s="54"/>
      <c r="Q339" s="58"/>
      <c r="R339" s="58"/>
      <c r="S339" s="58"/>
      <c r="T339" s="58"/>
      <c r="U339" s="58"/>
      <c r="V339" s="58"/>
      <c r="W339" s="58"/>
      <c r="X339" s="59"/>
      <c r="Y339" s="68"/>
      <c r="Z339" s="68"/>
      <c r="AA339" s="68"/>
      <c r="AB339" s="69"/>
      <c r="AC339" s="80"/>
      <c r="AD339" s="68"/>
      <c r="AE339" s="68"/>
      <c r="AF339" s="69"/>
    </row>
    <row r="340" spans="1:32" ht="19.5" customHeight="1" x14ac:dyDescent="0.4">
      <c r="A340" s="45"/>
      <c r="B340" s="46"/>
      <c r="C340" s="47"/>
      <c r="D340" s="48"/>
      <c r="E340" s="49"/>
      <c r="F340" s="50"/>
      <c r="G340" s="51"/>
      <c r="H340" s="88" t="s">
        <v>73</v>
      </c>
      <c r="I340" s="53" t="s">
        <v>11</v>
      </c>
      <c r="J340" s="54" t="s">
        <v>21</v>
      </c>
      <c r="K340" s="55"/>
      <c r="L340" s="56"/>
      <c r="M340" s="57" t="s">
        <v>11</v>
      </c>
      <c r="N340" s="54" t="s">
        <v>22</v>
      </c>
      <c r="O340" s="57"/>
      <c r="P340" s="54"/>
      <c r="Q340" s="58"/>
      <c r="R340" s="58"/>
      <c r="S340" s="58"/>
      <c r="T340" s="58"/>
      <c r="U340" s="58"/>
      <c r="V340" s="58"/>
      <c r="W340" s="58"/>
      <c r="X340" s="59"/>
      <c r="Y340" s="68"/>
      <c r="Z340" s="68"/>
      <c r="AA340" s="68"/>
      <c r="AB340" s="69"/>
      <c r="AC340" s="80"/>
      <c r="AD340" s="68"/>
      <c r="AE340" s="68"/>
      <c r="AF340" s="69"/>
    </row>
    <row r="341" spans="1:32" ht="18.75" customHeight="1" x14ac:dyDescent="0.4">
      <c r="A341" s="45"/>
      <c r="B341" s="46"/>
      <c r="C341" s="47"/>
      <c r="D341" s="48"/>
      <c r="E341" s="49"/>
      <c r="F341" s="159"/>
      <c r="G341" s="189"/>
      <c r="H341" s="160" t="s">
        <v>134</v>
      </c>
      <c r="I341" s="71" t="s">
        <v>11</v>
      </c>
      <c r="J341" s="72" t="s">
        <v>25</v>
      </c>
      <c r="K341" s="72"/>
      <c r="L341" s="71" t="s">
        <v>11</v>
      </c>
      <c r="M341" s="72" t="s">
        <v>26</v>
      </c>
      <c r="N341" s="72"/>
      <c r="O341" s="83"/>
      <c r="P341" s="83"/>
      <c r="Q341" s="83"/>
      <c r="R341" s="83"/>
      <c r="S341" s="83"/>
      <c r="T341" s="83"/>
      <c r="U341" s="83"/>
      <c r="V341" s="83"/>
      <c r="W341" s="83"/>
      <c r="X341" s="149"/>
      <c r="Y341" s="80"/>
      <c r="Z341" s="68"/>
      <c r="AA341" s="68"/>
      <c r="AB341" s="69"/>
      <c r="AC341" s="80"/>
      <c r="AD341" s="68"/>
      <c r="AE341" s="68"/>
      <c r="AF341" s="69"/>
    </row>
    <row r="342" spans="1:32" ht="18.75" customHeight="1" x14ac:dyDescent="0.4">
      <c r="A342" s="45"/>
      <c r="B342" s="46"/>
      <c r="C342" s="47"/>
      <c r="D342" s="48"/>
      <c r="E342" s="49"/>
      <c r="F342" s="159"/>
      <c r="G342" s="189"/>
      <c r="H342" s="161"/>
      <c r="I342" s="76"/>
      <c r="J342" s="77"/>
      <c r="K342" s="77"/>
      <c r="L342" s="76"/>
      <c r="M342" s="77"/>
      <c r="N342" s="77"/>
      <c r="O342" s="64"/>
      <c r="P342" s="64"/>
      <c r="Q342" s="64"/>
      <c r="R342" s="64"/>
      <c r="S342" s="64"/>
      <c r="T342" s="64"/>
      <c r="U342" s="64"/>
      <c r="V342" s="64"/>
      <c r="W342" s="64"/>
      <c r="X342" s="66"/>
      <c r="Y342" s="80"/>
      <c r="Z342" s="68"/>
      <c r="AA342" s="68"/>
      <c r="AB342" s="69"/>
      <c r="AC342" s="80"/>
      <c r="AD342" s="68"/>
      <c r="AE342" s="68"/>
      <c r="AF342" s="69"/>
    </row>
    <row r="343" spans="1:32" ht="18.75" customHeight="1" x14ac:dyDescent="0.4">
      <c r="A343" s="45"/>
      <c r="B343" s="46"/>
      <c r="C343" s="61" t="s">
        <v>216</v>
      </c>
      <c r="D343" s="85" t="s">
        <v>11</v>
      </c>
      <c r="E343" s="49" t="s">
        <v>62</v>
      </c>
      <c r="F343" s="159"/>
      <c r="G343" s="189"/>
      <c r="H343" s="81" t="s">
        <v>135</v>
      </c>
      <c r="I343" s="93" t="s">
        <v>11</v>
      </c>
      <c r="J343" s="54" t="s">
        <v>25</v>
      </c>
      <c r="K343" s="54"/>
      <c r="L343" s="57" t="s">
        <v>11</v>
      </c>
      <c r="M343" s="54" t="s">
        <v>45</v>
      </c>
      <c r="N343" s="54"/>
      <c r="O343" s="82" t="s">
        <v>11</v>
      </c>
      <c r="P343" s="54" t="s">
        <v>46</v>
      </c>
      <c r="Q343" s="89"/>
      <c r="R343" s="89"/>
      <c r="S343" s="89"/>
      <c r="T343" s="89"/>
      <c r="U343" s="89"/>
      <c r="V343" s="89"/>
      <c r="W343" s="89"/>
      <c r="X343" s="113"/>
      <c r="Y343" s="80"/>
      <c r="Z343" s="68"/>
      <c r="AA343" s="68"/>
      <c r="AB343" s="69"/>
      <c r="AC343" s="80"/>
      <c r="AD343" s="68"/>
      <c r="AE343" s="68"/>
      <c r="AF343" s="69"/>
    </row>
    <row r="344" spans="1:32" ht="18.75" customHeight="1" x14ac:dyDescent="0.4">
      <c r="A344" s="85" t="s">
        <v>11</v>
      </c>
      <c r="B344" s="46">
        <v>39</v>
      </c>
      <c r="C344" s="61" t="s">
        <v>225</v>
      </c>
      <c r="D344" s="85" t="s">
        <v>11</v>
      </c>
      <c r="E344" s="49" t="s">
        <v>63</v>
      </c>
      <c r="F344" s="159"/>
      <c r="G344" s="189"/>
      <c r="H344" s="81" t="s">
        <v>110</v>
      </c>
      <c r="I344" s="53" t="s">
        <v>11</v>
      </c>
      <c r="J344" s="54" t="s">
        <v>25</v>
      </c>
      <c r="K344" s="55"/>
      <c r="L344" s="57" t="s">
        <v>11</v>
      </c>
      <c r="M344" s="54" t="s">
        <v>26</v>
      </c>
      <c r="N344" s="89"/>
      <c r="O344" s="89"/>
      <c r="P344" s="89"/>
      <c r="Q344" s="89"/>
      <c r="R344" s="89"/>
      <c r="S344" s="89"/>
      <c r="T344" s="89"/>
      <c r="U344" s="89"/>
      <c r="V344" s="89"/>
      <c r="W344" s="89"/>
      <c r="X344" s="113"/>
      <c r="Y344" s="80"/>
      <c r="Z344" s="68"/>
      <c r="AA344" s="68"/>
      <c r="AB344" s="69"/>
      <c r="AC344" s="80"/>
      <c r="AD344" s="68"/>
      <c r="AE344" s="68"/>
      <c r="AF344" s="69"/>
    </row>
    <row r="345" spans="1:32" ht="18.75" customHeight="1" x14ac:dyDescent="0.4">
      <c r="A345" s="45"/>
      <c r="B345" s="46"/>
      <c r="C345" s="61" t="s">
        <v>148</v>
      </c>
      <c r="D345" s="85" t="s">
        <v>11</v>
      </c>
      <c r="E345" s="49" t="s">
        <v>143</v>
      </c>
      <c r="F345" s="50"/>
      <c r="G345" s="49"/>
      <c r="H345" s="151" t="s">
        <v>146</v>
      </c>
      <c r="I345" s="53" t="s">
        <v>11</v>
      </c>
      <c r="J345" s="54" t="s">
        <v>25</v>
      </c>
      <c r="K345" s="54"/>
      <c r="L345" s="57" t="s">
        <v>11</v>
      </c>
      <c r="M345" s="64" t="s">
        <v>26</v>
      </c>
      <c r="N345" s="54"/>
      <c r="O345" s="54"/>
      <c r="P345" s="54"/>
      <c r="Q345" s="55"/>
      <c r="R345" s="55"/>
      <c r="S345" s="55"/>
      <c r="T345" s="55"/>
      <c r="U345" s="55"/>
      <c r="V345" s="55"/>
      <c r="W345" s="55"/>
      <c r="X345" s="84"/>
      <c r="Y345" s="80"/>
      <c r="Z345" s="68"/>
      <c r="AA345" s="68"/>
      <c r="AB345" s="69"/>
      <c r="AC345" s="80"/>
      <c r="AD345" s="68"/>
      <c r="AE345" s="68"/>
      <c r="AF345" s="69"/>
    </row>
    <row r="346" spans="1:32" ht="18.75" customHeight="1" x14ac:dyDescent="0.4">
      <c r="A346" s="45"/>
      <c r="B346" s="46"/>
      <c r="C346" s="47"/>
      <c r="D346" s="85" t="s">
        <v>11</v>
      </c>
      <c r="E346" s="49" t="s">
        <v>144</v>
      </c>
      <c r="F346" s="50"/>
      <c r="G346" s="49"/>
      <c r="H346" s="151" t="s">
        <v>147</v>
      </c>
      <c r="I346" s="53" t="s">
        <v>11</v>
      </c>
      <c r="J346" s="54" t="s">
        <v>25</v>
      </c>
      <c r="K346" s="54"/>
      <c r="L346" s="57" t="s">
        <v>11</v>
      </c>
      <c r="M346" s="64" t="s">
        <v>26</v>
      </c>
      <c r="N346" s="54"/>
      <c r="O346" s="54"/>
      <c r="P346" s="54"/>
      <c r="Q346" s="55"/>
      <c r="R346" s="55"/>
      <c r="S346" s="55"/>
      <c r="T346" s="55"/>
      <c r="U346" s="55"/>
      <c r="V346" s="55"/>
      <c r="W346" s="55"/>
      <c r="X346" s="84"/>
      <c r="Y346" s="80"/>
      <c r="Z346" s="68"/>
      <c r="AA346" s="68"/>
      <c r="AB346" s="69"/>
      <c r="AC346" s="80"/>
      <c r="AD346" s="68"/>
      <c r="AE346" s="68"/>
      <c r="AF346" s="69"/>
    </row>
    <row r="347" spans="1:32" ht="18.75" customHeight="1" x14ac:dyDescent="0.4">
      <c r="A347" s="45"/>
      <c r="B347" s="46"/>
      <c r="C347" s="47"/>
      <c r="D347" s="48"/>
      <c r="E347" s="49"/>
      <c r="F347" s="159"/>
      <c r="G347" s="189"/>
      <c r="H347" s="155" t="s">
        <v>125</v>
      </c>
      <c r="I347" s="53" t="s">
        <v>11</v>
      </c>
      <c r="J347" s="54" t="s">
        <v>25</v>
      </c>
      <c r="K347" s="54"/>
      <c r="L347" s="57" t="s">
        <v>11</v>
      </c>
      <c r="M347" s="54" t="s">
        <v>45</v>
      </c>
      <c r="N347" s="54"/>
      <c r="O347" s="57" t="s">
        <v>11</v>
      </c>
      <c r="P347" s="54" t="s">
        <v>46</v>
      </c>
      <c r="Q347" s="58"/>
      <c r="R347" s="58"/>
      <c r="S347" s="58"/>
      <c r="T347" s="58"/>
      <c r="U347" s="94"/>
      <c r="V347" s="94"/>
      <c r="W347" s="94"/>
      <c r="X347" s="95"/>
      <c r="Y347" s="80"/>
      <c r="Z347" s="68"/>
      <c r="AA347" s="68"/>
      <c r="AB347" s="69"/>
      <c r="AC347" s="80"/>
      <c r="AD347" s="68"/>
      <c r="AE347" s="68"/>
      <c r="AF347" s="69"/>
    </row>
    <row r="348" spans="1:32" ht="18.75" customHeight="1" x14ac:dyDescent="0.4">
      <c r="A348" s="45"/>
      <c r="B348" s="46"/>
      <c r="C348" s="47"/>
      <c r="D348" s="48"/>
      <c r="E348" s="49"/>
      <c r="F348" s="159"/>
      <c r="G348" s="189"/>
      <c r="H348" s="81" t="s">
        <v>48</v>
      </c>
      <c r="I348" s="53" t="s">
        <v>11</v>
      </c>
      <c r="J348" s="54" t="s">
        <v>25</v>
      </c>
      <c r="K348" s="54"/>
      <c r="L348" s="57" t="s">
        <v>11</v>
      </c>
      <c r="M348" s="54" t="s">
        <v>49</v>
      </c>
      <c r="N348" s="54"/>
      <c r="O348" s="57" t="s">
        <v>11</v>
      </c>
      <c r="P348" s="54" t="s">
        <v>50</v>
      </c>
      <c r="Q348" s="89"/>
      <c r="R348" s="57" t="s">
        <v>11</v>
      </c>
      <c r="S348" s="54" t="s">
        <v>51</v>
      </c>
      <c r="T348" s="89"/>
      <c r="U348" s="89"/>
      <c r="V348" s="89"/>
      <c r="W348" s="89"/>
      <c r="X348" s="113"/>
      <c r="Y348" s="80"/>
      <c r="Z348" s="68"/>
      <c r="AA348" s="68"/>
      <c r="AB348" s="69"/>
      <c r="AC348" s="80"/>
      <c r="AD348" s="68"/>
      <c r="AE348" s="68"/>
      <c r="AF348" s="69"/>
    </row>
    <row r="349" spans="1:32" ht="18.75" customHeight="1" x14ac:dyDescent="0.4">
      <c r="A349" s="45"/>
      <c r="B349" s="46"/>
      <c r="C349" s="47"/>
      <c r="D349" s="48"/>
      <c r="E349" s="49"/>
      <c r="F349" s="50"/>
      <c r="G349" s="51"/>
      <c r="H349" s="91" t="s">
        <v>52</v>
      </c>
      <c r="I349" s="53" t="s">
        <v>11</v>
      </c>
      <c r="J349" s="54" t="s">
        <v>25</v>
      </c>
      <c r="K349" s="54"/>
      <c r="L349" s="57" t="s">
        <v>11</v>
      </c>
      <c r="M349" s="54" t="s">
        <v>49</v>
      </c>
      <c r="N349" s="54"/>
      <c r="O349" s="57" t="s">
        <v>11</v>
      </c>
      <c r="P349" s="54" t="s">
        <v>50</v>
      </c>
      <c r="Q349" s="54"/>
      <c r="R349" s="57" t="s">
        <v>11</v>
      </c>
      <c r="S349" s="54" t="s">
        <v>53</v>
      </c>
      <c r="T349" s="54"/>
      <c r="U349" s="58"/>
      <c r="V349" s="58"/>
      <c r="W349" s="58"/>
      <c r="X349" s="59"/>
      <c r="Y349" s="68"/>
      <c r="Z349" s="68"/>
      <c r="AA349" s="68"/>
      <c r="AB349" s="69"/>
      <c r="AC349" s="80"/>
      <c r="AD349" s="68"/>
      <c r="AE349" s="68"/>
      <c r="AF349" s="69"/>
    </row>
    <row r="350" spans="1:32" ht="18.75" customHeight="1" x14ac:dyDescent="0.4">
      <c r="A350" s="45"/>
      <c r="B350" s="46"/>
      <c r="C350" s="47"/>
      <c r="D350" s="48"/>
      <c r="E350" s="49"/>
      <c r="F350" s="50"/>
      <c r="G350" s="51"/>
      <c r="H350" s="92" t="s">
        <v>54</v>
      </c>
      <c r="I350" s="93" t="s">
        <v>11</v>
      </c>
      <c r="J350" s="83" t="s">
        <v>55</v>
      </c>
      <c r="K350" s="83"/>
      <c r="L350" s="82" t="s">
        <v>11</v>
      </c>
      <c r="M350" s="83" t="s">
        <v>56</v>
      </c>
      <c r="N350" s="83"/>
      <c r="O350" s="82" t="s">
        <v>11</v>
      </c>
      <c r="P350" s="83" t="s">
        <v>57</v>
      </c>
      <c r="Q350" s="83"/>
      <c r="R350" s="82"/>
      <c r="S350" s="83"/>
      <c r="T350" s="83"/>
      <c r="U350" s="94"/>
      <c r="V350" s="94"/>
      <c r="W350" s="94"/>
      <c r="X350" s="95"/>
      <c r="Y350" s="68"/>
      <c r="Z350" s="68"/>
      <c r="AA350" s="68"/>
      <c r="AB350" s="69"/>
      <c r="AC350" s="80"/>
      <c r="AD350" s="68"/>
      <c r="AE350" s="68"/>
      <c r="AF350" s="69"/>
    </row>
    <row r="351" spans="1:32" ht="19.5" customHeight="1" x14ac:dyDescent="0.4">
      <c r="A351" s="96"/>
      <c r="B351" s="97"/>
      <c r="C351" s="98"/>
      <c r="D351" s="34"/>
      <c r="E351" s="41"/>
      <c r="F351" s="99"/>
      <c r="G351" s="100"/>
      <c r="H351" s="101" t="s">
        <v>58</v>
      </c>
      <c r="I351" s="102" t="s">
        <v>11</v>
      </c>
      <c r="J351" s="103" t="s">
        <v>25</v>
      </c>
      <c r="K351" s="103"/>
      <c r="L351" s="104" t="s">
        <v>11</v>
      </c>
      <c r="M351" s="103" t="s">
        <v>26</v>
      </c>
      <c r="N351" s="103"/>
      <c r="O351" s="103"/>
      <c r="P351" s="103"/>
      <c r="Q351" s="105"/>
      <c r="R351" s="105"/>
      <c r="S351" s="105"/>
      <c r="T351" s="105"/>
      <c r="U351" s="105"/>
      <c r="V351" s="105"/>
      <c r="W351" s="105"/>
      <c r="X351" s="106"/>
      <c r="Y351" s="107"/>
      <c r="Z351" s="107"/>
      <c r="AA351" s="107"/>
      <c r="AB351" s="108"/>
      <c r="AC351" s="109"/>
      <c r="AD351" s="107"/>
      <c r="AE351" s="107"/>
      <c r="AF351" s="108"/>
    </row>
    <row r="352" spans="1:32" ht="20.25" customHeight="1" x14ac:dyDescent="0.4"/>
    <row r="353" spans="1:32" ht="20.25" customHeight="1" x14ac:dyDescent="0.4">
      <c r="A353" s="4" t="s">
        <v>226</v>
      </c>
      <c r="B353" s="4"/>
      <c r="C353" s="4"/>
      <c r="D353" s="4"/>
      <c r="E353" s="4"/>
      <c r="F353" s="4"/>
      <c r="G353" s="4"/>
      <c r="H353" s="4"/>
      <c r="I353" s="4"/>
      <c r="J353" s="4"/>
      <c r="K353" s="4"/>
      <c r="L353" s="4"/>
      <c r="M353" s="4"/>
      <c r="N353" s="4"/>
      <c r="O353" s="4"/>
      <c r="P353" s="4"/>
      <c r="Q353" s="4"/>
      <c r="R353" s="4"/>
      <c r="S353" s="4"/>
      <c r="T353" s="4"/>
      <c r="U353" s="4"/>
      <c r="V353" s="4"/>
      <c r="W353" s="4"/>
      <c r="X353" s="4"/>
      <c r="Y353" s="4"/>
      <c r="Z353" s="4"/>
      <c r="AA353" s="4"/>
      <c r="AB353" s="4"/>
      <c r="AC353" s="4"/>
      <c r="AD353" s="4"/>
      <c r="AE353" s="4"/>
      <c r="AF353" s="4"/>
    </row>
    <row r="354" spans="1:32" ht="20.25" customHeight="1" x14ac:dyDescent="0.4"/>
    <row r="355" spans="1:32" ht="30" customHeight="1" x14ac:dyDescent="0.4">
      <c r="S355" s="6" t="s">
        <v>227</v>
      </c>
      <c r="T355" s="7"/>
      <c r="U355" s="7"/>
      <c r="V355" s="8"/>
      <c r="W355" s="9"/>
      <c r="X355" s="10"/>
      <c r="Y355" s="10"/>
      <c r="Z355" s="10"/>
      <c r="AA355" s="10"/>
      <c r="AB355" s="10"/>
      <c r="AC355" s="10"/>
      <c r="AD355" s="10"/>
      <c r="AE355" s="10"/>
      <c r="AF355" s="190"/>
    </row>
    <row r="356" spans="1:32" ht="20.25" customHeight="1" x14ac:dyDescent="0.4">
      <c r="A356" s="191"/>
      <c r="B356" s="191"/>
      <c r="C356" s="192"/>
      <c r="D356" s="192"/>
      <c r="E356" s="192"/>
      <c r="F356" s="192"/>
      <c r="G356" s="193"/>
      <c r="H356" s="192"/>
      <c r="I356" s="192"/>
      <c r="J356" s="192"/>
      <c r="K356" s="192"/>
      <c r="L356" s="192"/>
      <c r="M356" s="192"/>
      <c r="N356" s="192"/>
      <c r="O356" s="192"/>
      <c r="P356" s="192"/>
      <c r="Q356" s="192"/>
      <c r="R356" s="192"/>
      <c r="S356" s="192"/>
      <c r="T356" s="192"/>
      <c r="U356" s="192"/>
      <c r="V356" s="192"/>
      <c r="W356" s="192"/>
      <c r="X356" s="192"/>
      <c r="Y356" s="192"/>
      <c r="Z356" s="192"/>
      <c r="AA356" s="192"/>
      <c r="AB356" s="192"/>
      <c r="AC356" s="192"/>
      <c r="AD356" s="192"/>
      <c r="AE356" s="192"/>
      <c r="AF356" s="192"/>
    </row>
    <row r="357" spans="1:32" ht="18" customHeight="1" x14ac:dyDescent="0.4">
      <c r="A357" s="6" t="s">
        <v>3</v>
      </c>
      <c r="B357" s="7"/>
      <c r="C357" s="8"/>
      <c r="D357" s="6" t="s">
        <v>4</v>
      </c>
      <c r="E357" s="8"/>
      <c r="F357" s="12" t="s">
        <v>5</v>
      </c>
      <c r="G357" s="13"/>
      <c r="H357" s="6" t="s">
        <v>228</v>
      </c>
      <c r="I357" s="7"/>
      <c r="J357" s="7"/>
      <c r="K357" s="7"/>
      <c r="L357" s="7"/>
      <c r="M357" s="7"/>
      <c r="N357" s="7"/>
      <c r="O357" s="7"/>
      <c r="P357" s="7"/>
      <c r="Q357" s="7"/>
      <c r="R357" s="7"/>
      <c r="S357" s="7"/>
      <c r="T357" s="7"/>
      <c r="U357" s="7"/>
      <c r="V357" s="7"/>
      <c r="W357" s="7"/>
      <c r="X357" s="7"/>
      <c r="Y357" s="7"/>
      <c r="Z357" s="7"/>
      <c r="AA357" s="7"/>
      <c r="AB357" s="7"/>
      <c r="AC357" s="7"/>
      <c r="AD357" s="7"/>
      <c r="AE357" s="7"/>
      <c r="AF357" s="8"/>
    </row>
    <row r="358" spans="1:32" ht="18.75" customHeight="1" x14ac:dyDescent="0.4">
      <c r="A358" s="14" t="s">
        <v>9</v>
      </c>
      <c r="B358" s="15"/>
      <c r="C358" s="16"/>
      <c r="D358" s="17"/>
      <c r="E358" s="18"/>
      <c r="F358" s="19"/>
      <c r="G358" s="20"/>
      <c r="H358" s="21" t="s">
        <v>10</v>
      </c>
      <c r="I358" s="156" t="s">
        <v>11</v>
      </c>
      <c r="J358" s="23" t="s">
        <v>12</v>
      </c>
      <c r="K358" s="23"/>
      <c r="L358" s="23"/>
      <c r="M358" s="133" t="s">
        <v>11</v>
      </c>
      <c r="N358" s="23" t="s">
        <v>13</v>
      </c>
      <c r="O358" s="23"/>
      <c r="P358" s="23"/>
      <c r="Q358" s="133" t="s">
        <v>11</v>
      </c>
      <c r="R358" s="23" t="s">
        <v>14</v>
      </c>
      <c r="S358" s="23"/>
      <c r="T358" s="23"/>
      <c r="U358" s="133" t="s">
        <v>11</v>
      </c>
      <c r="V358" s="23" t="s">
        <v>15</v>
      </c>
      <c r="W358" s="23"/>
      <c r="X358" s="23"/>
      <c r="Y358" s="23"/>
      <c r="Z358" s="23"/>
      <c r="AA358" s="23"/>
      <c r="AB358" s="23"/>
      <c r="AC358" s="23"/>
      <c r="AD358" s="23"/>
      <c r="AE358" s="23"/>
      <c r="AF358" s="194"/>
    </row>
    <row r="359" spans="1:32" ht="18.75" customHeight="1" x14ac:dyDescent="0.4">
      <c r="A359" s="29"/>
      <c r="B359" s="30"/>
      <c r="C359" s="31"/>
      <c r="D359" s="32"/>
      <c r="E359" s="33"/>
      <c r="F359" s="34"/>
      <c r="G359" s="35"/>
      <c r="H359" s="36"/>
      <c r="I359" s="37" t="s">
        <v>11</v>
      </c>
      <c r="J359" s="38" t="s">
        <v>16</v>
      </c>
      <c r="K359" s="38"/>
      <c r="L359" s="38"/>
      <c r="M359" s="40" t="s">
        <v>11</v>
      </c>
      <c r="N359" s="38" t="s">
        <v>17</v>
      </c>
      <c r="O359" s="38"/>
      <c r="P359" s="38"/>
      <c r="Q359" s="40" t="s">
        <v>11</v>
      </c>
      <c r="R359" s="38" t="s">
        <v>18</v>
      </c>
      <c r="S359" s="38"/>
      <c r="T359" s="38"/>
      <c r="U359" s="40" t="s">
        <v>11</v>
      </c>
      <c r="V359" s="38" t="s">
        <v>19</v>
      </c>
      <c r="W359" s="38"/>
      <c r="X359" s="38"/>
      <c r="Y359" s="192"/>
      <c r="Z359" s="192"/>
      <c r="AA359" s="192"/>
      <c r="AB359" s="192"/>
      <c r="AC359" s="192"/>
      <c r="AD359" s="192"/>
      <c r="AE359" s="192"/>
      <c r="AF359" s="33"/>
    </row>
    <row r="360" spans="1:32" ht="19.5" customHeight="1" x14ac:dyDescent="0.4">
      <c r="A360" s="45"/>
      <c r="B360" s="46"/>
      <c r="C360" s="47"/>
      <c r="D360" s="48"/>
      <c r="E360" s="49"/>
      <c r="F360" s="50"/>
      <c r="G360" s="51"/>
      <c r="H360" s="52" t="s">
        <v>20</v>
      </c>
      <c r="I360" s="53" t="s">
        <v>11</v>
      </c>
      <c r="J360" s="54" t="s">
        <v>21</v>
      </c>
      <c r="K360" s="55"/>
      <c r="L360" s="56"/>
      <c r="M360" s="57" t="s">
        <v>11</v>
      </c>
      <c r="N360" s="54" t="s">
        <v>22</v>
      </c>
      <c r="O360" s="57"/>
      <c r="P360" s="54"/>
      <c r="Q360" s="58"/>
      <c r="R360" s="58"/>
      <c r="S360" s="58"/>
      <c r="T360" s="58"/>
      <c r="U360" s="58"/>
      <c r="V360" s="58"/>
      <c r="W360" s="58"/>
      <c r="X360" s="58"/>
      <c r="Y360" s="58"/>
      <c r="Z360" s="58"/>
      <c r="AA360" s="58"/>
      <c r="AB360" s="58"/>
      <c r="AC360" s="58"/>
      <c r="AD360" s="58"/>
      <c r="AE360" s="58"/>
      <c r="AF360" s="195"/>
    </row>
    <row r="361" spans="1:32" ht="18.75" customHeight="1" x14ac:dyDescent="0.4">
      <c r="A361" s="45"/>
      <c r="B361" s="46"/>
      <c r="C361" s="61"/>
      <c r="D361" s="50"/>
      <c r="E361" s="49"/>
      <c r="F361" s="50"/>
      <c r="G361" s="62"/>
      <c r="H361" s="196" t="s">
        <v>24</v>
      </c>
      <c r="I361" s="135" t="s">
        <v>11</v>
      </c>
      <c r="J361" s="64" t="s">
        <v>25</v>
      </c>
      <c r="K361" s="65"/>
      <c r="L361" s="137" t="s">
        <v>11</v>
      </c>
      <c r="M361" s="64" t="s">
        <v>26</v>
      </c>
      <c r="N361" s="65"/>
      <c r="O361" s="78"/>
      <c r="P361" s="78"/>
      <c r="Q361" s="78"/>
      <c r="R361" s="78"/>
      <c r="S361" s="78"/>
      <c r="T361" s="78"/>
      <c r="U361" s="78"/>
      <c r="V361" s="78"/>
      <c r="W361" s="78"/>
      <c r="X361" s="78"/>
      <c r="Y361" s="78"/>
      <c r="Z361" s="78"/>
      <c r="AA361" s="78"/>
      <c r="AB361" s="78"/>
      <c r="AC361" s="78"/>
      <c r="AD361" s="78"/>
      <c r="AE361" s="78"/>
      <c r="AF361" s="79"/>
    </row>
    <row r="362" spans="1:32" ht="18.75" customHeight="1" x14ac:dyDescent="0.4">
      <c r="A362" s="45"/>
      <c r="B362" s="46"/>
      <c r="C362" s="61"/>
      <c r="D362" s="50"/>
      <c r="E362" s="49"/>
      <c r="F362" s="50"/>
      <c r="G362" s="62"/>
      <c r="H362" s="197" t="s">
        <v>60</v>
      </c>
      <c r="I362" s="198" t="s">
        <v>11</v>
      </c>
      <c r="J362" s="72" t="s">
        <v>29</v>
      </c>
      <c r="K362" s="72"/>
      <c r="L362" s="72"/>
      <c r="M362" s="198" t="s">
        <v>11</v>
      </c>
      <c r="N362" s="72" t="s">
        <v>30</v>
      </c>
      <c r="O362" s="72"/>
      <c r="P362" s="72"/>
      <c r="Q362" s="94"/>
      <c r="R362" s="94"/>
      <c r="S362" s="94"/>
      <c r="T362" s="94"/>
      <c r="U362" s="94"/>
      <c r="V362" s="94"/>
      <c r="W362" s="94"/>
      <c r="X362" s="94"/>
      <c r="Y362" s="94"/>
      <c r="Z362" s="94"/>
      <c r="AA362" s="94"/>
      <c r="AB362" s="94"/>
      <c r="AC362" s="94"/>
      <c r="AD362" s="94"/>
      <c r="AE362" s="94"/>
      <c r="AF362" s="95"/>
    </row>
    <row r="363" spans="1:32" ht="18.75" customHeight="1" x14ac:dyDescent="0.4">
      <c r="A363" s="45"/>
      <c r="B363" s="46"/>
      <c r="C363" s="61"/>
      <c r="D363" s="50"/>
      <c r="E363" s="49"/>
      <c r="F363" s="50"/>
      <c r="G363" s="62"/>
      <c r="H363" s="199"/>
      <c r="I363" s="200"/>
      <c r="J363" s="77"/>
      <c r="K363" s="77"/>
      <c r="L363" s="77"/>
      <c r="M363" s="200"/>
      <c r="N363" s="77"/>
      <c r="O363" s="77"/>
      <c r="P363" s="77"/>
      <c r="Q363" s="78"/>
      <c r="R363" s="78"/>
      <c r="S363" s="78"/>
      <c r="T363" s="78"/>
      <c r="U363" s="78"/>
      <c r="V363" s="78"/>
      <c r="W363" s="78"/>
      <c r="X363" s="78"/>
      <c r="Y363" s="78"/>
      <c r="Z363" s="78"/>
      <c r="AA363" s="78"/>
      <c r="AB363" s="78"/>
      <c r="AC363" s="78"/>
      <c r="AD363" s="78"/>
      <c r="AE363" s="78"/>
      <c r="AF363" s="79"/>
    </row>
    <row r="364" spans="1:32" ht="18.75" customHeight="1" x14ac:dyDescent="0.4">
      <c r="A364" s="45"/>
      <c r="B364" s="46"/>
      <c r="C364" s="61"/>
      <c r="D364" s="50"/>
      <c r="E364" s="49"/>
      <c r="F364" s="50"/>
      <c r="G364" s="62"/>
      <c r="H364" s="197" t="s">
        <v>229</v>
      </c>
      <c r="I364" s="198" t="s">
        <v>11</v>
      </c>
      <c r="J364" s="72" t="s">
        <v>29</v>
      </c>
      <c r="K364" s="72"/>
      <c r="L364" s="72"/>
      <c r="M364" s="198" t="s">
        <v>11</v>
      </c>
      <c r="N364" s="72" t="s">
        <v>30</v>
      </c>
      <c r="O364" s="72"/>
      <c r="P364" s="72"/>
      <c r="Q364" s="94"/>
      <c r="R364" s="94"/>
      <c r="S364" s="94"/>
      <c r="T364" s="94"/>
      <c r="U364" s="94"/>
      <c r="V364" s="94"/>
      <c r="W364" s="94"/>
      <c r="X364" s="94"/>
      <c r="Y364" s="94"/>
      <c r="Z364" s="94"/>
      <c r="AA364" s="94"/>
      <c r="AB364" s="94"/>
      <c r="AC364" s="94"/>
      <c r="AD364" s="94"/>
      <c r="AE364" s="94"/>
      <c r="AF364" s="95"/>
    </row>
    <row r="365" spans="1:32" ht="18.75" customHeight="1" x14ac:dyDescent="0.4">
      <c r="A365" s="85" t="s">
        <v>11</v>
      </c>
      <c r="B365" s="46">
        <v>76</v>
      </c>
      <c r="C365" s="61" t="s">
        <v>230</v>
      </c>
      <c r="D365" s="85" t="s">
        <v>11</v>
      </c>
      <c r="E365" s="49" t="s">
        <v>36</v>
      </c>
      <c r="F365" s="50"/>
      <c r="G365" s="62"/>
      <c r="H365" s="199"/>
      <c r="I365" s="200"/>
      <c r="J365" s="77"/>
      <c r="K365" s="77"/>
      <c r="L365" s="77"/>
      <c r="M365" s="200"/>
      <c r="N365" s="77"/>
      <c r="O365" s="77"/>
      <c r="P365" s="77"/>
      <c r="Q365" s="78"/>
      <c r="R365" s="78"/>
      <c r="S365" s="78"/>
      <c r="T365" s="78"/>
      <c r="U365" s="78"/>
      <c r="V365" s="78"/>
      <c r="W365" s="78"/>
      <c r="X365" s="78"/>
      <c r="Y365" s="78"/>
      <c r="Z365" s="78"/>
      <c r="AA365" s="78"/>
      <c r="AB365" s="78"/>
      <c r="AC365" s="78"/>
      <c r="AD365" s="78"/>
      <c r="AE365" s="78"/>
      <c r="AF365" s="79"/>
    </row>
    <row r="366" spans="1:32" ht="18.75" customHeight="1" x14ac:dyDescent="0.4">
      <c r="A366" s="45"/>
      <c r="B366" s="46"/>
      <c r="C366" s="61" t="s">
        <v>40</v>
      </c>
      <c r="D366" s="85" t="s">
        <v>11</v>
      </c>
      <c r="E366" s="49" t="s">
        <v>41</v>
      </c>
      <c r="F366" s="50"/>
      <c r="G366" s="62"/>
      <c r="H366" s="81" t="s">
        <v>32</v>
      </c>
      <c r="I366" s="53" t="s">
        <v>11</v>
      </c>
      <c r="J366" s="54" t="s">
        <v>25</v>
      </c>
      <c r="K366" s="55"/>
      <c r="L366" s="57" t="s">
        <v>11</v>
      </c>
      <c r="M366" s="54" t="s">
        <v>33</v>
      </c>
      <c r="N366" s="54"/>
      <c r="O366" s="82" t="s">
        <v>11</v>
      </c>
      <c r="P366" s="83" t="s">
        <v>34</v>
      </c>
      <c r="Q366" s="54"/>
      <c r="R366" s="54"/>
      <c r="S366" s="55"/>
      <c r="T366" s="55"/>
      <c r="U366" s="55"/>
      <c r="V366" s="55"/>
      <c r="W366" s="55"/>
      <c r="X366" s="55"/>
      <c r="Y366" s="54"/>
      <c r="Z366" s="54"/>
      <c r="AA366" s="54"/>
      <c r="AB366" s="54"/>
      <c r="AC366" s="54"/>
      <c r="AD366" s="54"/>
      <c r="AE366" s="54"/>
      <c r="AF366" s="90"/>
    </row>
    <row r="367" spans="1:32" ht="18.75" customHeight="1" x14ac:dyDescent="0.4">
      <c r="A367" s="45"/>
      <c r="B367" s="46"/>
      <c r="C367" s="61"/>
      <c r="D367" s="50"/>
      <c r="E367" s="49"/>
      <c r="F367" s="50"/>
      <c r="G367" s="62"/>
      <c r="H367" s="201" t="s">
        <v>37</v>
      </c>
      <c r="I367" s="53" t="s">
        <v>11</v>
      </c>
      <c r="J367" s="54" t="s">
        <v>38</v>
      </c>
      <c r="K367" s="55"/>
      <c r="L367" s="89"/>
      <c r="M367" s="57" t="s">
        <v>11</v>
      </c>
      <c r="N367" s="54" t="s">
        <v>39</v>
      </c>
      <c r="O367" s="58"/>
      <c r="P367" s="58"/>
      <c r="Q367" s="58"/>
      <c r="R367" s="54"/>
      <c r="S367" s="54"/>
      <c r="T367" s="54"/>
      <c r="U367" s="54"/>
      <c r="V367" s="54"/>
      <c r="W367" s="54"/>
      <c r="X367" s="54"/>
      <c r="Y367" s="54"/>
      <c r="Z367" s="54"/>
      <c r="AA367" s="54"/>
      <c r="AB367" s="54"/>
      <c r="AC367" s="54"/>
      <c r="AD367" s="54"/>
      <c r="AE367" s="54"/>
      <c r="AF367" s="90"/>
    </row>
    <row r="368" spans="1:32" ht="18.75" customHeight="1" x14ac:dyDescent="0.4">
      <c r="A368" s="45"/>
      <c r="B368" s="46"/>
      <c r="C368" s="61"/>
      <c r="D368" s="50"/>
      <c r="E368" s="49"/>
      <c r="F368" s="50"/>
      <c r="G368" s="62"/>
      <c r="H368" s="201" t="s">
        <v>42</v>
      </c>
      <c r="I368" s="53" t="s">
        <v>11</v>
      </c>
      <c r="J368" s="54" t="s">
        <v>25</v>
      </c>
      <c r="K368" s="55"/>
      <c r="L368" s="57" t="s">
        <v>11</v>
      </c>
      <c r="M368" s="54" t="s">
        <v>26</v>
      </c>
      <c r="N368" s="89"/>
      <c r="O368" s="54"/>
      <c r="P368" s="54"/>
      <c r="Q368" s="54"/>
      <c r="R368" s="54"/>
      <c r="S368" s="54"/>
      <c r="T368" s="54"/>
      <c r="U368" s="54"/>
      <c r="V368" s="54"/>
      <c r="W368" s="54"/>
      <c r="X368" s="54"/>
      <c r="Y368" s="54"/>
      <c r="Z368" s="54"/>
      <c r="AA368" s="54"/>
      <c r="AB368" s="54"/>
      <c r="AC368" s="54"/>
      <c r="AD368" s="54"/>
      <c r="AE368" s="54"/>
      <c r="AF368" s="90"/>
    </row>
    <row r="369" spans="1:32" ht="18.75" customHeight="1" x14ac:dyDescent="0.4">
      <c r="A369" s="45"/>
      <c r="B369" s="46"/>
      <c r="C369" s="61"/>
      <c r="D369" s="50"/>
      <c r="E369" s="49"/>
      <c r="F369" s="50"/>
      <c r="G369" s="62"/>
      <c r="H369" s="81" t="s">
        <v>43</v>
      </c>
      <c r="I369" s="53" t="s">
        <v>11</v>
      </c>
      <c r="J369" s="54" t="s">
        <v>25</v>
      </c>
      <c r="K369" s="55"/>
      <c r="L369" s="57" t="s">
        <v>11</v>
      </c>
      <c r="M369" s="54" t="s">
        <v>33</v>
      </c>
      <c r="N369" s="54"/>
      <c r="O369" s="82" t="s">
        <v>11</v>
      </c>
      <c r="P369" s="83" t="s">
        <v>34</v>
      </c>
      <c r="Q369" s="54"/>
      <c r="R369" s="54"/>
      <c r="S369" s="55"/>
      <c r="T369" s="54"/>
      <c r="U369" s="55"/>
      <c r="V369" s="55"/>
      <c r="W369" s="55"/>
      <c r="X369" s="55"/>
      <c r="Y369" s="54"/>
      <c r="Z369" s="54"/>
      <c r="AA369" s="54"/>
      <c r="AB369" s="54"/>
      <c r="AC369" s="54"/>
      <c r="AD369" s="54"/>
      <c r="AE369" s="54"/>
      <c r="AF369" s="90"/>
    </row>
    <row r="370" spans="1:32" ht="18.75" customHeight="1" x14ac:dyDescent="0.4">
      <c r="A370" s="45"/>
      <c r="B370" s="46"/>
      <c r="C370" s="61"/>
      <c r="D370" s="50"/>
      <c r="E370" s="49"/>
      <c r="F370" s="50"/>
      <c r="G370" s="62"/>
      <c r="H370" s="201" t="s">
        <v>44</v>
      </c>
      <c r="I370" s="53" t="s">
        <v>11</v>
      </c>
      <c r="J370" s="54" t="s">
        <v>25</v>
      </c>
      <c r="K370" s="54"/>
      <c r="L370" s="57" t="s">
        <v>11</v>
      </c>
      <c r="M370" s="54" t="s">
        <v>45</v>
      </c>
      <c r="N370" s="54"/>
      <c r="O370" s="57" t="s">
        <v>11</v>
      </c>
      <c r="P370" s="54" t="s">
        <v>46</v>
      </c>
      <c r="Q370" s="89"/>
      <c r="R370" s="89"/>
      <c r="S370" s="89"/>
      <c r="T370" s="89"/>
      <c r="U370" s="54"/>
      <c r="V370" s="54"/>
      <c r="W370" s="54"/>
      <c r="X370" s="54"/>
      <c r="Y370" s="54"/>
      <c r="Z370" s="54"/>
      <c r="AA370" s="54"/>
      <c r="AB370" s="54"/>
      <c r="AC370" s="54"/>
      <c r="AD370" s="54"/>
      <c r="AE370" s="54"/>
      <c r="AF370" s="90"/>
    </row>
    <row r="371" spans="1:32" ht="19.5" customHeight="1" x14ac:dyDescent="0.4">
      <c r="A371" s="96"/>
      <c r="B371" s="97"/>
      <c r="C371" s="98"/>
      <c r="D371" s="34"/>
      <c r="E371" s="41"/>
      <c r="F371" s="99"/>
      <c r="G371" s="100"/>
      <c r="H371" s="134" t="s">
        <v>47</v>
      </c>
      <c r="I371" s="102" t="s">
        <v>11</v>
      </c>
      <c r="J371" s="103" t="s">
        <v>25</v>
      </c>
      <c r="K371" s="103"/>
      <c r="L371" s="104" t="s">
        <v>11</v>
      </c>
      <c r="M371" s="103" t="s">
        <v>26</v>
      </c>
      <c r="N371" s="103"/>
      <c r="O371" s="202"/>
      <c r="P371" s="103"/>
      <c r="Q371" s="202"/>
      <c r="R371" s="202"/>
      <c r="S371" s="202"/>
      <c r="T371" s="202"/>
      <c r="U371" s="202"/>
      <c r="V371" s="202"/>
      <c r="W371" s="202"/>
      <c r="X371" s="78"/>
      <c r="Y371" s="78"/>
      <c r="Z371" s="78"/>
      <c r="AA371" s="78"/>
      <c r="AB371" s="78"/>
      <c r="AC371" s="78"/>
      <c r="AD371" s="78"/>
      <c r="AE371" s="78"/>
      <c r="AF371" s="203"/>
    </row>
    <row r="372" spans="1:32" ht="19.5" customHeight="1" x14ac:dyDescent="0.4">
      <c r="A372" s="122"/>
      <c r="B372" s="46"/>
      <c r="C372" s="47"/>
      <c r="D372" s="48"/>
      <c r="E372" s="49"/>
      <c r="F372" s="50"/>
      <c r="G372" s="51"/>
      <c r="H372" s="52" t="s">
        <v>20</v>
      </c>
      <c r="I372" s="128" t="s">
        <v>11</v>
      </c>
      <c r="J372" s="110" t="s">
        <v>21</v>
      </c>
      <c r="K372" s="158"/>
      <c r="L372" s="129"/>
      <c r="M372" s="130" t="s">
        <v>11</v>
      </c>
      <c r="N372" s="110" t="s">
        <v>22</v>
      </c>
      <c r="O372" s="130"/>
      <c r="P372" s="110"/>
      <c r="Q372" s="111"/>
      <c r="R372" s="111"/>
      <c r="S372" s="111"/>
      <c r="T372" s="111"/>
      <c r="U372" s="111"/>
      <c r="V372" s="111"/>
      <c r="W372" s="111"/>
      <c r="X372" s="111"/>
      <c r="Y372" s="111"/>
      <c r="Z372" s="111"/>
      <c r="AA372" s="111"/>
      <c r="AB372" s="111"/>
      <c r="AC372" s="111"/>
      <c r="AD372" s="111"/>
      <c r="AE372" s="111"/>
      <c r="AF372" s="204"/>
    </row>
    <row r="373" spans="1:32" ht="18.75" customHeight="1" x14ac:dyDescent="0.4">
      <c r="A373" s="45"/>
      <c r="B373" s="46"/>
      <c r="C373" s="61"/>
      <c r="D373" s="50"/>
      <c r="E373" s="49"/>
      <c r="F373" s="50"/>
      <c r="G373" s="62"/>
      <c r="H373" s="196" t="s">
        <v>59</v>
      </c>
      <c r="I373" s="135" t="s">
        <v>11</v>
      </c>
      <c r="J373" s="64" t="s">
        <v>38</v>
      </c>
      <c r="K373" s="65"/>
      <c r="L373" s="147"/>
      <c r="M373" s="137" t="s">
        <v>11</v>
      </c>
      <c r="N373" s="64" t="s">
        <v>39</v>
      </c>
      <c r="O373" s="78"/>
      <c r="P373" s="78"/>
      <c r="Q373" s="78"/>
      <c r="R373" s="64"/>
      <c r="S373" s="64"/>
      <c r="T373" s="64"/>
      <c r="U373" s="64"/>
      <c r="V373" s="64"/>
      <c r="W373" s="64"/>
      <c r="X373" s="64"/>
      <c r="Y373" s="64"/>
      <c r="Z373" s="64"/>
      <c r="AA373" s="64"/>
      <c r="AB373" s="64"/>
      <c r="AC373" s="64"/>
      <c r="AD373" s="64"/>
      <c r="AE373" s="64"/>
      <c r="AF373" s="66"/>
    </row>
    <row r="374" spans="1:32" ht="18.75" customHeight="1" x14ac:dyDescent="0.4">
      <c r="A374" s="85" t="s">
        <v>11</v>
      </c>
      <c r="B374" s="46">
        <v>71</v>
      </c>
      <c r="C374" s="61" t="s">
        <v>61</v>
      </c>
      <c r="D374" s="85" t="s">
        <v>11</v>
      </c>
      <c r="E374" s="49" t="s">
        <v>62</v>
      </c>
      <c r="F374" s="50"/>
      <c r="G374" s="62"/>
      <c r="H374" s="201" t="s">
        <v>24</v>
      </c>
      <c r="I374" s="53" t="s">
        <v>11</v>
      </c>
      <c r="J374" s="54" t="s">
        <v>25</v>
      </c>
      <c r="K374" s="55"/>
      <c r="L374" s="57" t="s">
        <v>11</v>
      </c>
      <c r="M374" s="54" t="s">
        <v>26</v>
      </c>
      <c r="N374" s="89"/>
      <c r="O374" s="54"/>
      <c r="P374" s="54"/>
      <c r="Q374" s="54"/>
      <c r="R374" s="54"/>
      <c r="S374" s="54"/>
      <c r="T374" s="54"/>
      <c r="U374" s="54"/>
      <c r="V374" s="54"/>
      <c r="W374" s="54"/>
      <c r="X374" s="54"/>
      <c r="Y374" s="54"/>
      <c r="Z374" s="54"/>
      <c r="AA374" s="54"/>
      <c r="AB374" s="54"/>
      <c r="AC374" s="54"/>
      <c r="AD374" s="54"/>
      <c r="AE374" s="54"/>
      <c r="AF374" s="90"/>
    </row>
    <row r="375" spans="1:32" ht="18.75" customHeight="1" x14ac:dyDescent="0.4">
      <c r="A375" s="45"/>
      <c r="B375" s="46"/>
      <c r="C375" s="61"/>
      <c r="D375" s="85" t="s">
        <v>11</v>
      </c>
      <c r="E375" s="49" t="s">
        <v>63</v>
      </c>
      <c r="F375" s="50"/>
      <c r="G375" s="62"/>
      <c r="H375" s="197" t="s">
        <v>60</v>
      </c>
      <c r="I375" s="198" t="s">
        <v>11</v>
      </c>
      <c r="J375" s="72" t="s">
        <v>29</v>
      </c>
      <c r="K375" s="72"/>
      <c r="L375" s="72"/>
      <c r="M375" s="198" t="s">
        <v>11</v>
      </c>
      <c r="N375" s="72" t="s">
        <v>30</v>
      </c>
      <c r="O375" s="72"/>
      <c r="P375" s="72"/>
      <c r="Q375" s="94"/>
      <c r="R375" s="94"/>
      <c r="S375" s="94"/>
      <c r="T375" s="94"/>
      <c r="U375" s="94"/>
      <c r="V375" s="94"/>
      <c r="W375" s="94"/>
      <c r="X375" s="94"/>
      <c r="Y375" s="94"/>
      <c r="Z375" s="94"/>
      <c r="AA375" s="94"/>
      <c r="AB375" s="94"/>
      <c r="AC375" s="94"/>
      <c r="AD375" s="94"/>
      <c r="AE375" s="94"/>
      <c r="AF375" s="95"/>
    </row>
    <row r="376" spans="1:32" ht="18.75" customHeight="1" x14ac:dyDescent="0.4">
      <c r="A376" s="48"/>
      <c r="B376" s="2"/>
      <c r="C376" s="48"/>
      <c r="D376" s="48"/>
      <c r="F376" s="50"/>
      <c r="G376" s="62"/>
      <c r="H376" s="199"/>
      <c r="I376" s="200"/>
      <c r="J376" s="77"/>
      <c r="K376" s="77"/>
      <c r="L376" s="77"/>
      <c r="M376" s="200"/>
      <c r="N376" s="77"/>
      <c r="O376" s="77"/>
      <c r="P376" s="77"/>
      <c r="Q376" s="78"/>
      <c r="R376" s="78"/>
      <c r="S376" s="78"/>
      <c r="T376" s="78"/>
      <c r="U376" s="78"/>
      <c r="V376" s="78"/>
      <c r="W376" s="78"/>
      <c r="X376" s="78"/>
      <c r="Y376" s="78"/>
      <c r="Z376" s="78"/>
      <c r="AA376" s="78"/>
      <c r="AB376" s="78"/>
      <c r="AC376" s="78"/>
      <c r="AD376" s="78"/>
      <c r="AE376" s="78"/>
      <c r="AF376" s="79"/>
    </row>
    <row r="377" spans="1:32" ht="18.75" customHeight="1" x14ac:dyDescent="0.4">
      <c r="A377" s="96"/>
      <c r="B377" s="97"/>
      <c r="C377" s="205"/>
      <c r="D377" s="99"/>
      <c r="E377" s="41"/>
      <c r="F377" s="99"/>
      <c r="G377" s="206"/>
      <c r="H377" s="207" t="s">
        <v>44</v>
      </c>
      <c r="I377" s="102" t="s">
        <v>11</v>
      </c>
      <c r="J377" s="103" t="s">
        <v>25</v>
      </c>
      <c r="K377" s="103"/>
      <c r="L377" s="104" t="s">
        <v>11</v>
      </c>
      <c r="M377" s="103" t="s">
        <v>45</v>
      </c>
      <c r="N377" s="103"/>
      <c r="O377" s="104" t="s">
        <v>11</v>
      </c>
      <c r="P377" s="103" t="s">
        <v>46</v>
      </c>
      <c r="Q377" s="105"/>
      <c r="R377" s="105"/>
      <c r="S377" s="103"/>
      <c r="T377" s="103"/>
      <c r="U377" s="103"/>
      <c r="V377" s="103"/>
      <c r="W377" s="103"/>
      <c r="X377" s="103"/>
      <c r="Y377" s="103"/>
      <c r="Z377" s="103"/>
      <c r="AA377" s="103"/>
      <c r="AB377" s="103"/>
      <c r="AC377" s="103"/>
      <c r="AD377" s="103"/>
      <c r="AE377" s="103"/>
      <c r="AF377" s="208"/>
    </row>
    <row r="378" spans="1:32" ht="19.5" customHeight="1" x14ac:dyDescent="0.4">
      <c r="A378" s="45"/>
      <c r="B378" s="46"/>
      <c r="C378" s="47"/>
      <c r="D378" s="48"/>
      <c r="E378" s="49"/>
      <c r="F378" s="50"/>
      <c r="G378" s="51"/>
      <c r="H378" s="88" t="s">
        <v>20</v>
      </c>
      <c r="I378" s="53" t="s">
        <v>11</v>
      </c>
      <c r="J378" s="54" t="s">
        <v>21</v>
      </c>
      <c r="K378" s="55"/>
      <c r="L378" s="56"/>
      <c r="M378" s="57" t="s">
        <v>11</v>
      </c>
      <c r="N378" s="54" t="s">
        <v>22</v>
      </c>
      <c r="O378" s="57"/>
      <c r="P378" s="54"/>
      <c r="Q378" s="58"/>
      <c r="R378" s="58"/>
      <c r="S378" s="58"/>
      <c r="T378" s="58"/>
      <c r="U378" s="58"/>
      <c r="V378" s="58"/>
      <c r="W378" s="58"/>
      <c r="X378" s="58"/>
      <c r="Y378" s="58"/>
      <c r="Z378" s="58"/>
      <c r="AA378" s="58"/>
      <c r="AB378" s="58"/>
      <c r="AC378" s="58"/>
      <c r="AD378" s="58"/>
      <c r="AE378" s="58"/>
      <c r="AF378" s="195"/>
    </row>
    <row r="379" spans="1:32" ht="19.5" customHeight="1" x14ac:dyDescent="0.4">
      <c r="A379" s="45"/>
      <c r="B379" s="46"/>
      <c r="C379" s="47"/>
      <c r="D379" s="48"/>
      <c r="E379" s="49"/>
      <c r="F379" s="50"/>
      <c r="G379" s="51"/>
      <c r="H379" s="86" t="s">
        <v>73</v>
      </c>
      <c r="I379" s="53" t="s">
        <v>11</v>
      </c>
      <c r="J379" s="54" t="s">
        <v>21</v>
      </c>
      <c r="K379" s="55"/>
      <c r="L379" s="56"/>
      <c r="M379" s="57" t="s">
        <v>11</v>
      </c>
      <c r="N379" s="54" t="s">
        <v>22</v>
      </c>
      <c r="O379" s="57"/>
      <c r="P379" s="54"/>
      <c r="Q379" s="58"/>
      <c r="R379" s="58"/>
      <c r="S379" s="58"/>
      <c r="T379" s="58"/>
      <c r="U379" s="58"/>
      <c r="V379" s="58"/>
      <c r="W379" s="58"/>
      <c r="X379" s="58"/>
      <c r="Y379" s="58"/>
      <c r="Z379" s="58"/>
      <c r="AA379" s="58"/>
      <c r="AB379" s="58"/>
      <c r="AC379" s="58"/>
      <c r="AD379" s="58"/>
      <c r="AE379" s="58"/>
      <c r="AF379" s="195"/>
    </row>
    <row r="380" spans="1:32" ht="18.75" customHeight="1" x14ac:dyDescent="0.4">
      <c r="A380" s="45"/>
      <c r="B380" s="46"/>
      <c r="C380" s="61"/>
      <c r="D380" s="50"/>
      <c r="E380" s="49"/>
      <c r="F380" s="50"/>
      <c r="G380" s="62"/>
      <c r="H380" s="209" t="s">
        <v>70</v>
      </c>
      <c r="I380" s="135" t="s">
        <v>11</v>
      </c>
      <c r="J380" s="64" t="s">
        <v>25</v>
      </c>
      <c r="K380" s="64"/>
      <c r="L380" s="136"/>
      <c r="M380" s="137" t="s">
        <v>11</v>
      </c>
      <c r="N380" s="64" t="s">
        <v>71</v>
      </c>
      <c r="O380" s="64"/>
      <c r="P380" s="136"/>
      <c r="Q380" s="137" t="s">
        <v>11</v>
      </c>
      <c r="R380" s="147" t="s">
        <v>72</v>
      </c>
      <c r="S380" s="147"/>
      <c r="T380" s="147"/>
      <c r="U380" s="147"/>
      <c r="V380" s="64"/>
      <c r="W380" s="64"/>
      <c r="X380" s="64"/>
      <c r="Y380" s="64"/>
      <c r="Z380" s="64"/>
      <c r="AA380" s="64"/>
      <c r="AB380" s="64"/>
      <c r="AC380" s="64"/>
      <c r="AD380" s="64"/>
      <c r="AE380" s="64"/>
      <c r="AF380" s="66"/>
    </row>
    <row r="381" spans="1:32" ht="18.75" customHeight="1" x14ac:dyDescent="0.4">
      <c r="A381" s="45"/>
      <c r="B381" s="46"/>
      <c r="C381" s="61"/>
      <c r="D381" s="50"/>
      <c r="E381" s="49"/>
      <c r="F381" s="50"/>
      <c r="G381" s="62"/>
      <c r="H381" s="86" t="s">
        <v>103</v>
      </c>
      <c r="I381" s="53" t="s">
        <v>11</v>
      </c>
      <c r="J381" s="54" t="s">
        <v>38</v>
      </c>
      <c r="K381" s="55"/>
      <c r="L381" s="89"/>
      <c r="M381" s="57" t="s">
        <v>11</v>
      </c>
      <c r="N381" s="54" t="s">
        <v>39</v>
      </c>
      <c r="O381" s="58"/>
      <c r="P381" s="58"/>
      <c r="Q381" s="58"/>
      <c r="R381" s="54"/>
      <c r="S381" s="54"/>
      <c r="T381" s="54"/>
      <c r="U381" s="54"/>
      <c r="V381" s="54"/>
      <c r="W381" s="54"/>
      <c r="X381" s="54"/>
      <c r="Y381" s="54"/>
      <c r="Z381" s="54"/>
      <c r="AA381" s="54"/>
      <c r="AB381" s="54"/>
      <c r="AC381" s="54"/>
      <c r="AD381" s="54"/>
      <c r="AE381" s="54"/>
      <c r="AF381" s="90"/>
    </row>
    <row r="382" spans="1:32" ht="18.75" customHeight="1" x14ac:dyDescent="0.4">
      <c r="A382" s="45"/>
      <c r="B382" s="46"/>
      <c r="C382" s="61"/>
      <c r="D382" s="50"/>
      <c r="E382" s="49"/>
      <c r="F382" s="50"/>
      <c r="G382" s="62"/>
      <c r="H382" s="197" t="s">
        <v>76</v>
      </c>
      <c r="I382" s="210" t="s">
        <v>11</v>
      </c>
      <c r="J382" s="72" t="s">
        <v>25</v>
      </c>
      <c r="K382" s="72"/>
      <c r="L382" s="198" t="s">
        <v>11</v>
      </c>
      <c r="M382" s="72" t="s">
        <v>26</v>
      </c>
      <c r="N382" s="72"/>
      <c r="O382" s="83"/>
      <c r="P382" s="83"/>
      <c r="Q382" s="83"/>
      <c r="R382" s="83"/>
      <c r="S382" s="83"/>
      <c r="T382" s="83"/>
      <c r="U382" s="83"/>
      <c r="V382" s="83"/>
      <c r="W382" s="83"/>
      <c r="X382" s="83"/>
      <c r="Y382" s="83"/>
      <c r="Z382" s="83"/>
      <c r="AA382" s="83"/>
      <c r="AB382" s="83"/>
      <c r="AC382" s="83"/>
      <c r="AD382" s="83"/>
      <c r="AE382" s="83"/>
      <c r="AF382" s="149"/>
    </row>
    <row r="383" spans="1:32" ht="18.75" customHeight="1" x14ac:dyDescent="0.4">
      <c r="A383" s="45"/>
      <c r="B383" s="46"/>
      <c r="C383" s="61"/>
      <c r="D383" s="50"/>
      <c r="E383" s="49"/>
      <c r="F383" s="50"/>
      <c r="G383" s="62"/>
      <c r="H383" s="199"/>
      <c r="I383" s="211"/>
      <c r="J383" s="77"/>
      <c r="K383" s="77"/>
      <c r="L383" s="200"/>
      <c r="M383" s="77"/>
      <c r="N383" s="77"/>
      <c r="O383" s="64"/>
      <c r="P383" s="64"/>
      <c r="Q383" s="64"/>
      <c r="R383" s="64"/>
      <c r="S383" s="64"/>
      <c r="T383" s="64"/>
      <c r="U383" s="64"/>
      <c r="V383" s="64"/>
      <c r="W383" s="64"/>
      <c r="X383" s="64"/>
      <c r="Y383" s="64"/>
      <c r="Z383" s="64"/>
      <c r="AA383" s="64"/>
      <c r="AB383" s="64"/>
      <c r="AC383" s="64"/>
      <c r="AD383" s="64"/>
      <c r="AE383" s="64"/>
      <c r="AF383" s="66"/>
    </row>
    <row r="384" spans="1:32" ht="18.75" customHeight="1" x14ac:dyDescent="0.4">
      <c r="A384" s="45"/>
      <c r="B384" s="46"/>
      <c r="C384" s="61"/>
      <c r="D384" s="50"/>
      <c r="E384" s="49"/>
      <c r="F384" s="50"/>
      <c r="G384" s="62"/>
      <c r="H384" s="197" t="s">
        <v>77</v>
      </c>
      <c r="I384" s="210" t="s">
        <v>11</v>
      </c>
      <c r="J384" s="72" t="s">
        <v>25</v>
      </c>
      <c r="K384" s="72"/>
      <c r="L384" s="198" t="s">
        <v>11</v>
      </c>
      <c r="M384" s="72" t="s">
        <v>26</v>
      </c>
      <c r="N384" s="72"/>
      <c r="O384" s="83"/>
      <c r="P384" s="83"/>
      <c r="Q384" s="83"/>
      <c r="R384" s="83"/>
      <c r="S384" s="83"/>
      <c r="T384" s="83"/>
      <c r="U384" s="83"/>
      <c r="V384" s="83"/>
      <c r="W384" s="83"/>
      <c r="X384" s="83"/>
      <c r="Y384" s="83"/>
      <c r="Z384" s="83"/>
      <c r="AA384" s="83"/>
      <c r="AB384" s="83"/>
      <c r="AC384" s="83"/>
      <c r="AD384" s="83"/>
      <c r="AE384" s="83"/>
      <c r="AF384" s="149"/>
    </row>
    <row r="385" spans="1:32" ht="18.75" customHeight="1" x14ac:dyDescent="0.4">
      <c r="A385" s="45"/>
      <c r="B385" s="46"/>
      <c r="C385" s="61"/>
      <c r="D385" s="50"/>
      <c r="E385" s="49"/>
      <c r="F385" s="50"/>
      <c r="G385" s="62"/>
      <c r="H385" s="199"/>
      <c r="I385" s="211"/>
      <c r="J385" s="77"/>
      <c r="K385" s="77"/>
      <c r="L385" s="200"/>
      <c r="M385" s="77"/>
      <c r="N385" s="77"/>
      <c r="O385" s="64"/>
      <c r="P385" s="64"/>
      <c r="Q385" s="64"/>
      <c r="R385" s="64"/>
      <c r="S385" s="64"/>
      <c r="T385" s="64"/>
      <c r="U385" s="64"/>
      <c r="V385" s="64"/>
      <c r="W385" s="64"/>
      <c r="X385" s="64"/>
      <c r="Y385" s="64"/>
      <c r="Z385" s="64"/>
      <c r="AA385" s="64"/>
      <c r="AB385" s="64"/>
      <c r="AC385" s="64"/>
      <c r="AD385" s="64"/>
      <c r="AE385" s="64"/>
      <c r="AF385" s="66"/>
    </row>
    <row r="386" spans="1:32" ht="18.75" customHeight="1" x14ac:dyDescent="0.4">
      <c r="A386" s="45"/>
      <c r="B386" s="46"/>
      <c r="C386" s="61"/>
      <c r="D386" s="50"/>
      <c r="E386" s="49"/>
      <c r="F386" s="50"/>
      <c r="G386" s="62"/>
      <c r="H386" s="197" t="s">
        <v>78</v>
      </c>
      <c r="I386" s="210" t="s">
        <v>11</v>
      </c>
      <c r="J386" s="72" t="s">
        <v>25</v>
      </c>
      <c r="K386" s="72"/>
      <c r="L386" s="198" t="s">
        <v>11</v>
      </c>
      <c r="M386" s="72" t="s">
        <v>26</v>
      </c>
      <c r="N386" s="72"/>
      <c r="O386" s="83"/>
      <c r="P386" s="83"/>
      <c r="Q386" s="83"/>
      <c r="R386" s="83"/>
      <c r="S386" s="83"/>
      <c r="T386" s="83"/>
      <c r="U386" s="83"/>
      <c r="V386" s="83"/>
      <c r="W386" s="83"/>
      <c r="X386" s="83"/>
      <c r="Y386" s="83"/>
      <c r="Z386" s="83"/>
      <c r="AA386" s="83"/>
      <c r="AB386" s="83"/>
      <c r="AC386" s="83"/>
      <c r="AD386" s="83"/>
      <c r="AE386" s="83"/>
      <c r="AF386" s="149"/>
    </row>
    <row r="387" spans="1:32" ht="18.75" customHeight="1" x14ac:dyDescent="0.4">
      <c r="A387" s="45"/>
      <c r="B387" s="46"/>
      <c r="C387" s="61"/>
      <c r="D387" s="50"/>
      <c r="E387" s="49"/>
      <c r="F387" s="50"/>
      <c r="G387" s="62"/>
      <c r="H387" s="199"/>
      <c r="I387" s="211"/>
      <c r="J387" s="77"/>
      <c r="K387" s="77"/>
      <c r="L387" s="200"/>
      <c r="M387" s="77"/>
      <c r="N387" s="77"/>
      <c r="O387" s="64"/>
      <c r="P387" s="64"/>
      <c r="Q387" s="64"/>
      <c r="R387" s="64"/>
      <c r="S387" s="64"/>
      <c r="T387" s="64"/>
      <c r="U387" s="64"/>
      <c r="V387" s="64"/>
      <c r="W387" s="64"/>
      <c r="X387" s="64"/>
      <c r="Y387" s="64"/>
      <c r="Z387" s="64"/>
      <c r="AA387" s="64"/>
      <c r="AB387" s="64"/>
      <c r="AC387" s="64"/>
      <c r="AD387" s="64"/>
      <c r="AE387" s="64"/>
      <c r="AF387" s="66"/>
    </row>
    <row r="388" spans="1:32" ht="18.75" customHeight="1" x14ac:dyDescent="0.4">
      <c r="A388" s="45"/>
      <c r="B388" s="46"/>
      <c r="C388" s="61"/>
      <c r="D388" s="50"/>
      <c r="E388" s="49"/>
      <c r="F388" s="50"/>
      <c r="G388" s="62"/>
      <c r="H388" s="197" t="s">
        <v>79</v>
      </c>
      <c r="I388" s="210" t="s">
        <v>11</v>
      </c>
      <c r="J388" s="72" t="s">
        <v>25</v>
      </c>
      <c r="K388" s="72"/>
      <c r="L388" s="198" t="s">
        <v>11</v>
      </c>
      <c r="M388" s="72" t="s">
        <v>26</v>
      </c>
      <c r="N388" s="72"/>
      <c r="O388" s="83"/>
      <c r="P388" s="83"/>
      <c r="Q388" s="83"/>
      <c r="R388" s="83"/>
      <c r="S388" s="83"/>
      <c r="T388" s="83"/>
      <c r="U388" s="83"/>
      <c r="V388" s="83"/>
      <c r="W388" s="83"/>
      <c r="X388" s="83"/>
      <c r="Y388" s="83"/>
      <c r="Z388" s="83"/>
      <c r="AA388" s="83"/>
      <c r="AB388" s="83"/>
      <c r="AC388" s="83"/>
      <c r="AD388" s="83"/>
      <c r="AE388" s="83"/>
      <c r="AF388" s="149"/>
    </row>
    <row r="389" spans="1:32" ht="18.75" customHeight="1" x14ac:dyDescent="0.4">
      <c r="A389" s="45"/>
      <c r="B389" s="46"/>
      <c r="C389" s="61"/>
      <c r="D389" s="50"/>
      <c r="E389" s="49"/>
      <c r="F389" s="50"/>
      <c r="G389" s="62"/>
      <c r="H389" s="199"/>
      <c r="I389" s="211"/>
      <c r="J389" s="77"/>
      <c r="K389" s="77"/>
      <c r="L389" s="200"/>
      <c r="M389" s="77"/>
      <c r="N389" s="77"/>
      <c r="O389" s="64"/>
      <c r="P389" s="64"/>
      <c r="Q389" s="64"/>
      <c r="R389" s="64"/>
      <c r="S389" s="64"/>
      <c r="T389" s="64"/>
      <c r="U389" s="64"/>
      <c r="V389" s="64"/>
      <c r="W389" s="64"/>
      <c r="X389" s="64"/>
      <c r="Y389" s="64"/>
      <c r="Z389" s="64"/>
      <c r="AA389" s="64"/>
      <c r="AB389" s="64"/>
      <c r="AC389" s="64"/>
      <c r="AD389" s="64"/>
      <c r="AE389" s="64"/>
      <c r="AF389" s="66"/>
    </row>
    <row r="390" spans="1:32" ht="18.75" customHeight="1" x14ac:dyDescent="0.4">
      <c r="A390" s="85" t="s">
        <v>11</v>
      </c>
      <c r="B390" s="46">
        <v>78</v>
      </c>
      <c r="C390" s="61" t="s">
        <v>231</v>
      </c>
      <c r="D390" s="85" t="s">
        <v>11</v>
      </c>
      <c r="E390" s="49" t="s">
        <v>232</v>
      </c>
      <c r="F390" s="50"/>
      <c r="G390" s="62"/>
      <c r="H390" s="86" t="s">
        <v>80</v>
      </c>
      <c r="I390" s="53" t="s">
        <v>11</v>
      </c>
      <c r="J390" s="54" t="s">
        <v>25</v>
      </c>
      <c r="K390" s="55"/>
      <c r="L390" s="57" t="s">
        <v>11</v>
      </c>
      <c r="M390" s="54" t="s">
        <v>26</v>
      </c>
      <c r="N390" s="89"/>
      <c r="O390" s="54"/>
      <c r="P390" s="54"/>
      <c r="Q390" s="54"/>
      <c r="R390" s="54"/>
      <c r="S390" s="54"/>
      <c r="T390" s="54"/>
      <c r="U390" s="54"/>
      <c r="V390" s="54"/>
      <c r="W390" s="54"/>
      <c r="X390" s="54"/>
      <c r="Y390" s="54"/>
      <c r="Z390" s="54"/>
      <c r="AA390" s="54"/>
      <c r="AB390" s="54"/>
      <c r="AC390" s="54"/>
      <c r="AD390" s="54"/>
      <c r="AE390" s="54"/>
      <c r="AF390" s="90"/>
    </row>
    <row r="391" spans="1:32" ht="18.75" customHeight="1" x14ac:dyDescent="0.4">
      <c r="A391" s="45"/>
      <c r="B391" s="46"/>
      <c r="C391" s="61"/>
      <c r="D391" s="50"/>
      <c r="E391" s="49"/>
      <c r="F391" s="50"/>
      <c r="G391" s="62"/>
      <c r="H391" s="165" t="s">
        <v>81</v>
      </c>
      <c r="I391" s="53" t="s">
        <v>11</v>
      </c>
      <c r="J391" s="54" t="s">
        <v>25</v>
      </c>
      <c r="K391" s="54"/>
      <c r="L391" s="57" t="s">
        <v>11</v>
      </c>
      <c r="M391" s="54" t="s">
        <v>45</v>
      </c>
      <c r="N391" s="54"/>
      <c r="O391" s="57" t="s">
        <v>11</v>
      </c>
      <c r="P391" s="54" t="s">
        <v>46</v>
      </c>
      <c r="Q391" s="89"/>
      <c r="R391" s="89"/>
      <c r="S391" s="212"/>
      <c r="T391" s="212"/>
      <c r="U391" s="212"/>
      <c r="V391" s="212"/>
      <c r="W391" s="212"/>
      <c r="X391" s="212"/>
      <c r="Y391" s="212"/>
      <c r="Z391" s="212"/>
      <c r="AA391" s="212"/>
      <c r="AB391" s="212"/>
      <c r="AC391" s="212"/>
      <c r="AD391" s="212"/>
      <c r="AE391" s="212"/>
      <c r="AF391" s="213"/>
    </row>
    <row r="392" spans="1:32" ht="18.75" customHeight="1" x14ac:dyDescent="0.4">
      <c r="A392" s="45"/>
      <c r="B392" s="46"/>
      <c r="C392" s="61"/>
      <c r="D392" s="50"/>
      <c r="E392" s="49"/>
      <c r="F392" s="50"/>
      <c r="G392" s="62"/>
      <c r="H392" s="165" t="s">
        <v>82</v>
      </c>
      <c r="I392" s="53" t="s">
        <v>11</v>
      </c>
      <c r="J392" s="54" t="s">
        <v>25</v>
      </c>
      <c r="K392" s="55"/>
      <c r="L392" s="57" t="s">
        <v>11</v>
      </c>
      <c r="M392" s="54" t="s">
        <v>26</v>
      </c>
      <c r="N392" s="89"/>
      <c r="O392" s="54"/>
      <c r="P392" s="54"/>
      <c r="Q392" s="54"/>
      <c r="R392" s="54"/>
      <c r="S392" s="54"/>
      <c r="T392" s="54"/>
      <c r="U392" s="54"/>
      <c r="V392" s="54"/>
      <c r="W392" s="54"/>
      <c r="X392" s="54"/>
      <c r="Y392" s="54"/>
      <c r="Z392" s="54"/>
      <c r="AA392" s="54"/>
      <c r="AB392" s="54"/>
      <c r="AC392" s="54"/>
      <c r="AD392" s="54"/>
      <c r="AE392" s="54"/>
      <c r="AF392" s="90"/>
    </row>
    <row r="393" spans="1:32" ht="18.75" customHeight="1" x14ac:dyDescent="0.4">
      <c r="A393" s="45"/>
      <c r="B393" s="46"/>
      <c r="C393" s="61"/>
      <c r="D393" s="50"/>
      <c r="E393" s="49"/>
      <c r="F393" s="50"/>
      <c r="G393" s="62"/>
      <c r="H393" s="165" t="s">
        <v>86</v>
      </c>
      <c r="I393" s="53" t="s">
        <v>11</v>
      </c>
      <c r="J393" s="54" t="s">
        <v>25</v>
      </c>
      <c r="K393" s="54"/>
      <c r="L393" s="57" t="s">
        <v>11</v>
      </c>
      <c r="M393" s="54" t="s">
        <v>33</v>
      </c>
      <c r="N393" s="54"/>
      <c r="O393" s="57" t="s">
        <v>11</v>
      </c>
      <c r="P393" s="54" t="s">
        <v>34</v>
      </c>
      <c r="Q393" s="89"/>
      <c r="R393" s="89"/>
      <c r="S393" s="89"/>
      <c r="T393" s="54"/>
      <c r="U393" s="54"/>
      <c r="V393" s="54"/>
      <c r="W393" s="54"/>
      <c r="X393" s="54"/>
      <c r="Y393" s="54"/>
      <c r="Z393" s="54"/>
      <c r="AA393" s="54"/>
      <c r="AB393" s="54"/>
      <c r="AC393" s="54"/>
      <c r="AD393" s="54"/>
      <c r="AE393" s="54"/>
      <c r="AF393" s="90"/>
    </row>
    <row r="394" spans="1:32" ht="18.75" customHeight="1" x14ac:dyDescent="0.4">
      <c r="A394" s="45"/>
      <c r="B394" s="46"/>
      <c r="C394" s="61"/>
      <c r="D394" s="50"/>
      <c r="E394" s="49"/>
      <c r="F394" s="50"/>
      <c r="G394" s="62"/>
      <c r="H394" s="165" t="s">
        <v>88</v>
      </c>
      <c r="I394" s="53" t="s">
        <v>11</v>
      </c>
      <c r="J394" s="54" t="s">
        <v>25</v>
      </c>
      <c r="K394" s="54"/>
      <c r="L394" s="57" t="s">
        <v>11</v>
      </c>
      <c r="M394" s="54" t="s">
        <v>89</v>
      </c>
      <c r="N394" s="54"/>
      <c r="O394" s="54"/>
      <c r="P394" s="57" t="s">
        <v>11</v>
      </c>
      <c r="Q394" s="54" t="s">
        <v>90</v>
      </c>
      <c r="R394" s="54"/>
      <c r="S394" s="54"/>
      <c r="T394" s="54"/>
      <c r="U394" s="54"/>
      <c r="V394" s="54"/>
      <c r="W394" s="54"/>
      <c r="X394" s="54"/>
      <c r="Y394" s="54"/>
      <c r="Z394" s="54"/>
      <c r="AA394" s="54"/>
      <c r="AB394" s="54"/>
      <c r="AC394" s="54"/>
      <c r="AD394" s="54"/>
      <c r="AE394" s="54"/>
      <c r="AF394" s="90"/>
    </row>
    <row r="395" spans="1:32" ht="18.75" customHeight="1" x14ac:dyDescent="0.4">
      <c r="A395" s="45"/>
      <c r="B395" s="46"/>
      <c r="C395" s="61"/>
      <c r="D395" s="50"/>
      <c r="E395" s="49"/>
      <c r="F395" s="50"/>
      <c r="G395" s="62"/>
      <c r="H395" s="201" t="s">
        <v>92</v>
      </c>
      <c r="I395" s="53" t="s">
        <v>11</v>
      </c>
      <c r="J395" s="54" t="s">
        <v>25</v>
      </c>
      <c r="K395" s="55"/>
      <c r="L395" s="57" t="s">
        <v>11</v>
      </c>
      <c r="M395" s="54" t="s">
        <v>26</v>
      </c>
      <c r="N395" s="89"/>
      <c r="O395" s="54"/>
      <c r="P395" s="54"/>
      <c r="Q395" s="54"/>
      <c r="R395" s="54"/>
      <c r="S395" s="54"/>
      <c r="T395" s="54"/>
      <c r="U395" s="54"/>
      <c r="V395" s="54"/>
      <c r="W395" s="54"/>
      <c r="X395" s="54"/>
      <c r="Y395" s="54"/>
      <c r="Z395" s="54"/>
      <c r="AA395" s="54"/>
      <c r="AB395" s="54"/>
      <c r="AC395" s="54"/>
      <c r="AD395" s="54"/>
      <c r="AE395" s="54"/>
      <c r="AF395" s="90"/>
    </row>
    <row r="396" spans="1:32" ht="18.75" customHeight="1" x14ac:dyDescent="0.4">
      <c r="A396" s="45"/>
      <c r="B396" s="46"/>
      <c r="C396" s="61"/>
      <c r="D396" s="50"/>
      <c r="E396" s="49"/>
      <c r="F396" s="50"/>
      <c r="G396" s="62"/>
      <c r="H396" s="86" t="s">
        <v>93</v>
      </c>
      <c r="I396" s="53" t="s">
        <v>11</v>
      </c>
      <c r="J396" s="54" t="s">
        <v>25</v>
      </c>
      <c r="K396" s="55"/>
      <c r="L396" s="57" t="s">
        <v>11</v>
      </c>
      <c r="M396" s="54" t="s">
        <v>26</v>
      </c>
      <c r="N396" s="89"/>
      <c r="O396" s="54"/>
      <c r="P396" s="54"/>
      <c r="Q396" s="54"/>
      <c r="R396" s="54"/>
      <c r="S396" s="54"/>
      <c r="T396" s="54"/>
      <c r="U396" s="54"/>
      <c r="V396" s="54"/>
      <c r="W396" s="54"/>
      <c r="X396" s="54"/>
      <c r="Y396" s="54"/>
      <c r="Z396" s="54"/>
      <c r="AA396" s="54"/>
      <c r="AB396" s="54"/>
      <c r="AC396" s="54"/>
      <c r="AD396" s="54"/>
      <c r="AE396" s="54"/>
      <c r="AF396" s="90"/>
    </row>
    <row r="397" spans="1:32" ht="18.75" customHeight="1" x14ac:dyDescent="0.4">
      <c r="A397" s="45"/>
      <c r="B397" s="46"/>
      <c r="C397" s="61"/>
      <c r="D397" s="50"/>
      <c r="E397" s="49"/>
      <c r="F397" s="50"/>
      <c r="G397" s="62"/>
      <c r="H397" s="86" t="s">
        <v>94</v>
      </c>
      <c r="I397" s="53" t="s">
        <v>11</v>
      </c>
      <c r="J397" s="54" t="s">
        <v>25</v>
      </c>
      <c r="K397" s="55"/>
      <c r="L397" s="57" t="s">
        <v>11</v>
      </c>
      <c r="M397" s="54" t="s">
        <v>26</v>
      </c>
      <c r="N397" s="89"/>
      <c r="O397" s="54"/>
      <c r="P397" s="54"/>
      <c r="Q397" s="54"/>
      <c r="R397" s="54"/>
      <c r="S397" s="54"/>
      <c r="T397" s="54"/>
      <c r="U397" s="54"/>
      <c r="V397" s="54"/>
      <c r="W397" s="54"/>
      <c r="X397" s="54"/>
      <c r="Y397" s="54"/>
      <c r="Z397" s="54"/>
      <c r="AA397" s="54"/>
      <c r="AB397" s="54"/>
      <c r="AC397" s="54"/>
      <c r="AD397" s="54"/>
      <c r="AE397" s="54"/>
      <c r="AF397" s="90"/>
    </row>
    <row r="398" spans="1:32" ht="18.75" customHeight="1" x14ac:dyDescent="0.4">
      <c r="A398" s="45"/>
      <c r="B398" s="46"/>
      <c r="C398" s="61"/>
      <c r="D398" s="50"/>
      <c r="E398" s="49"/>
      <c r="F398" s="50"/>
      <c r="G398" s="62"/>
      <c r="H398" s="67" t="s">
        <v>95</v>
      </c>
      <c r="I398" s="53" t="s">
        <v>11</v>
      </c>
      <c r="J398" s="54" t="s">
        <v>25</v>
      </c>
      <c r="K398" s="55"/>
      <c r="L398" s="57" t="s">
        <v>11</v>
      </c>
      <c r="M398" s="54" t="s">
        <v>26</v>
      </c>
      <c r="N398" s="89"/>
      <c r="O398" s="54"/>
      <c r="P398" s="54"/>
      <c r="Q398" s="54"/>
      <c r="R398" s="54"/>
      <c r="S398" s="54"/>
      <c r="T398" s="54"/>
      <c r="U398" s="54"/>
      <c r="V398" s="54"/>
      <c r="W398" s="54"/>
      <c r="X398" s="54"/>
      <c r="Y398" s="54"/>
      <c r="Z398" s="54"/>
      <c r="AA398" s="54"/>
      <c r="AB398" s="54"/>
      <c r="AC398" s="54"/>
      <c r="AD398" s="54"/>
      <c r="AE398" s="54"/>
      <c r="AF398" s="90"/>
    </row>
    <row r="399" spans="1:32" ht="18.75" customHeight="1" x14ac:dyDescent="0.4">
      <c r="A399" s="45"/>
      <c r="B399" s="46"/>
      <c r="C399" s="61"/>
      <c r="D399" s="50"/>
      <c r="E399" s="49"/>
      <c r="F399" s="50"/>
      <c r="G399" s="62"/>
      <c r="H399" s="165" t="s">
        <v>96</v>
      </c>
      <c r="I399" s="53" t="s">
        <v>11</v>
      </c>
      <c r="J399" s="54" t="s">
        <v>25</v>
      </c>
      <c r="K399" s="55"/>
      <c r="L399" s="57" t="s">
        <v>11</v>
      </c>
      <c r="M399" s="54" t="s">
        <v>26</v>
      </c>
      <c r="N399" s="89"/>
      <c r="O399" s="54"/>
      <c r="P399" s="54"/>
      <c r="Q399" s="54"/>
      <c r="R399" s="54"/>
      <c r="S399" s="54"/>
      <c r="T399" s="54"/>
      <c r="U399" s="54"/>
      <c r="V399" s="54"/>
      <c r="W399" s="54"/>
      <c r="X399" s="54"/>
      <c r="Y399" s="54"/>
      <c r="Z399" s="54"/>
      <c r="AA399" s="54"/>
      <c r="AB399" s="54"/>
      <c r="AC399" s="54"/>
      <c r="AD399" s="54"/>
      <c r="AE399" s="54"/>
      <c r="AF399" s="90"/>
    </row>
    <row r="400" spans="1:32" ht="18.75" customHeight="1" x14ac:dyDescent="0.4">
      <c r="A400" s="96"/>
      <c r="B400" s="97"/>
      <c r="C400" s="205"/>
      <c r="D400" s="99"/>
      <c r="E400" s="41"/>
      <c r="F400" s="99"/>
      <c r="G400" s="206"/>
      <c r="H400" s="101" t="s">
        <v>97</v>
      </c>
      <c r="I400" s="102" t="s">
        <v>11</v>
      </c>
      <c r="J400" s="103" t="s">
        <v>25</v>
      </c>
      <c r="K400" s="214"/>
      <c r="L400" s="104" t="s">
        <v>11</v>
      </c>
      <c r="M400" s="103" t="s">
        <v>26</v>
      </c>
      <c r="N400" s="105"/>
      <c r="O400" s="103"/>
      <c r="P400" s="103"/>
      <c r="Q400" s="103"/>
      <c r="R400" s="103"/>
      <c r="S400" s="103"/>
      <c r="T400" s="103"/>
      <c r="U400" s="103"/>
      <c r="V400" s="103"/>
      <c r="W400" s="103"/>
      <c r="X400" s="103"/>
      <c r="Y400" s="103"/>
      <c r="Z400" s="103"/>
      <c r="AA400" s="103"/>
      <c r="AB400" s="103"/>
      <c r="AC400" s="103"/>
      <c r="AD400" s="103"/>
      <c r="AE400" s="103"/>
      <c r="AF400" s="208"/>
    </row>
    <row r="401" spans="1:32" s="121" customFormat="1" ht="18.75" customHeight="1" x14ac:dyDescent="0.4">
      <c r="A401" s="215"/>
      <c r="B401" s="216"/>
      <c r="C401" s="217"/>
      <c r="D401" s="218"/>
      <c r="E401" s="217"/>
      <c r="F401" s="219"/>
      <c r="G401" s="220"/>
      <c r="H401" s="221" t="s">
        <v>70</v>
      </c>
      <c r="I401" s="222" t="s">
        <v>11</v>
      </c>
      <c r="J401" s="223" t="s">
        <v>25</v>
      </c>
      <c r="K401" s="223"/>
      <c r="L401" s="224"/>
      <c r="M401" s="225" t="s">
        <v>11</v>
      </c>
      <c r="N401" s="223" t="s">
        <v>71</v>
      </c>
      <c r="O401" s="223"/>
      <c r="P401" s="224"/>
      <c r="Q401" s="225" t="s">
        <v>11</v>
      </c>
      <c r="R401" s="226" t="s">
        <v>72</v>
      </c>
      <c r="S401" s="226"/>
      <c r="T401" s="226"/>
      <c r="U401" s="226"/>
      <c r="V401" s="223"/>
      <c r="W401" s="223"/>
      <c r="X401" s="223"/>
      <c r="Y401" s="223"/>
      <c r="Z401" s="223"/>
      <c r="AA401" s="223"/>
      <c r="AB401" s="223"/>
      <c r="AC401" s="223"/>
      <c r="AD401" s="223"/>
      <c r="AE401" s="223"/>
      <c r="AF401" s="227"/>
    </row>
    <row r="402" spans="1:32" ht="18.75" customHeight="1" x14ac:dyDescent="0.4">
      <c r="A402" s="45"/>
      <c r="B402" s="46"/>
      <c r="C402" s="67"/>
      <c r="D402" s="48"/>
      <c r="E402" s="49"/>
      <c r="F402" s="228"/>
      <c r="G402" s="51"/>
      <c r="H402" s="229" t="s">
        <v>20</v>
      </c>
      <c r="I402" s="128" t="s">
        <v>11</v>
      </c>
      <c r="J402" s="110" t="s">
        <v>21</v>
      </c>
      <c r="K402" s="158"/>
      <c r="L402" s="129"/>
      <c r="M402" s="130" t="s">
        <v>11</v>
      </c>
      <c r="N402" s="110" t="s">
        <v>22</v>
      </c>
      <c r="O402" s="130"/>
      <c r="P402" s="110"/>
      <c r="Q402" s="111"/>
      <c r="R402" s="111"/>
      <c r="S402" s="111"/>
      <c r="T402" s="111"/>
      <c r="U402" s="111"/>
      <c r="V402" s="111"/>
      <c r="W402" s="111"/>
      <c r="X402" s="111"/>
      <c r="Y402" s="111"/>
      <c r="Z402" s="111"/>
      <c r="AA402" s="111"/>
      <c r="AB402" s="111"/>
      <c r="AC402" s="111"/>
      <c r="AD402" s="111"/>
      <c r="AE402" s="111"/>
      <c r="AF402" s="204"/>
    </row>
    <row r="403" spans="1:32" ht="19.5" customHeight="1" x14ac:dyDescent="0.4">
      <c r="A403" s="45"/>
      <c r="B403" s="46"/>
      <c r="C403" s="47"/>
      <c r="D403" s="48"/>
      <c r="E403" s="49"/>
      <c r="F403" s="50"/>
      <c r="G403" s="51"/>
      <c r="H403" s="88" t="s">
        <v>73</v>
      </c>
      <c r="I403" s="53" t="s">
        <v>11</v>
      </c>
      <c r="J403" s="54" t="s">
        <v>21</v>
      </c>
      <c r="K403" s="55"/>
      <c r="L403" s="56"/>
      <c r="M403" s="57" t="s">
        <v>11</v>
      </c>
      <c r="N403" s="54" t="s">
        <v>22</v>
      </c>
      <c r="O403" s="57"/>
      <c r="P403" s="54"/>
      <c r="Q403" s="58"/>
      <c r="R403" s="58"/>
      <c r="S403" s="58"/>
      <c r="T403" s="58"/>
      <c r="U403" s="58"/>
      <c r="V403" s="58"/>
      <c r="W403" s="58"/>
      <c r="X403" s="58"/>
      <c r="Y403" s="58"/>
      <c r="Z403" s="58"/>
      <c r="AA403" s="58"/>
      <c r="AB403" s="58"/>
      <c r="AC403" s="58"/>
      <c r="AD403" s="58"/>
      <c r="AE403" s="58"/>
      <c r="AF403" s="195"/>
    </row>
    <row r="404" spans="1:32" ht="18.75" customHeight="1" x14ac:dyDescent="0.4">
      <c r="A404" s="45"/>
      <c r="B404" s="46"/>
      <c r="C404" s="61"/>
      <c r="D404" s="159"/>
      <c r="E404" s="49"/>
      <c r="F404" s="50"/>
      <c r="G404" s="62"/>
      <c r="H404" s="196" t="s">
        <v>70</v>
      </c>
      <c r="I404" s="135" t="s">
        <v>11</v>
      </c>
      <c r="J404" s="64" t="s">
        <v>25</v>
      </c>
      <c r="K404" s="64"/>
      <c r="L404" s="136"/>
      <c r="M404" s="137" t="s">
        <v>11</v>
      </c>
      <c r="N404" s="64" t="s">
        <v>71</v>
      </c>
      <c r="O404" s="64"/>
      <c r="P404" s="136"/>
      <c r="Q404" s="137" t="s">
        <v>11</v>
      </c>
      <c r="R404" s="147" t="s">
        <v>72</v>
      </c>
      <c r="S404" s="147"/>
      <c r="T404" s="147"/>
      <c r="U404" s="147"/>
      <c r="V404" s="64"/>
      <c r="W404" s="64"/>
      <c r="X404" s="64"/>
      <c r="Y404" s="64"/>
      <c r="Z404" s="64"/>
      <c r="AA404" s="64"/>
      <c r="AB404" s="64"/>
      <c r="AC404" s="64"/>
      <c r="AD404" s="64"/>
      <c r="AE404" s="64"/>
      <c r="AF404" s="66"/>
    </row>
    <row r="405" spans="1:32" ht="18.75" customHeight="1" x14ac:dyDescent="0.4">
      <c r="A405" s="45"/>
      <c r="B405" s="46"/>
      <c r="C405" s="61"/>
      <c r="D405" s="159"/>
      <c r="E405" s="49"/>
      <c r="F405" s="50"/>
      <c r="G405" s="62"/>
      <c r="H405" s="201" t="s">
        <v>103</v>
      </c>
      <c r="I405" s="53" t="s">
        <v>11</v>
      </c>
      <c r="J405" s="54" t="s">
        <v>38</v>
      </c>
      <c r="K405" s="55"/>
      <c r="L405" s="89"/>
      <c r="M405" s="57" t="s">
        <v>11</v>
      </c>
      <c r="N405" s="54" t="s">
        <v>39</v>
      </c>
      <c r="O405" s="58"/>
      <c r="P405" s="58"/>
      <c r="Q405" s="58"/>
      <c r="R405" s="54"/>
      <c r="S405" s="54"/>
      <c r="T405" s="54"/>
      <c r="U405" s="54"/>
      <c r="V405" s="54"/>
      <c r="W405" s="54"/>
      <c r="X405" s="54"/>
      <c r="Y405" s="54"/>
      <c r="Z405" s="54"/>
      <c r="AA405" s="54"/>
      <c r="AB405" s="54"/>
      <c r="AC405" s="54"/>
      <c r="AD405" s="54"/>
      <c r="AE405" s="54"/>
      <c r="AF405" s="90"/>
    </row>
    <row r="406" spans="1:32" ht="18.75" customHeight="1" x14ac:dyDescent="0.4">
      <c r="A406" s="45"/>
      <c r="B406" s="46"/>
      <c r="C406" s="61"/>
      <c r="D406" s="159"/>
      <c r="E406" s="49"/>
      <c r="F406" s="50"/>
      <c r="G406" s="62"/>
      <c r="H406" s="165" t="s">
        <v>81</v>
      </c>
      <c r="I406" s="53" t="s">
        <v>11</v>
      </c>
      <c r="J406" s="54" t="s">
        <v>25</v>
      </c>
      <c r="K406" s="54"/>
      <c r="L406" s="57" t="s">
        <v>11</v>
      </c>
      <c r="M406" s="54" t="s">
        <v>45</v>
      </c>
      <c r="N406" s="54"/>
      <c r="O406" s="57" t="s">
        <v>11</v>
      </c>
      <c r="P406" s="54" t="s">
        <v>46</v>
      </c>
      <c r="Q406" s="89"/>
      <c r="R406" s="89"/>
      <c r="S406" s="212"/>
      <c r="T406" s="212"/>
      <c r="U406" s="212"/>
      <c r="V406" s="212"/>
      <c r="W406" s="212"/>
      <c r="X406" s="212"/>
      <c r="Y406" s="212"/>
      <c r="Z406" s="212"/>
      <c r="AA406" s="212"/>
      <c r="AB406" s="212"/>
      <c r="AC406" s="212"/>
      <c r="AD406" s="212"/>
      <c r="AE406" s="212"/>
      <c r="AF406" s="213"/>
    </row>
    <row r="407" spans="1:32" ht="18.75" customHeight="1" x14ac:dyDescent="0.4">
      <c r="A407" s="45"/>
      <c r="B407" s="46"/>
      <c r="C407" s="61"/>
      <c r="D407" s="159"/>
      <c r="E407" s="49"/>
      <c r="F407" s="50"/>
      <c r="G407" s="62"/>
      <c r="H407" s="165" t="s">
        <v>86</v>
      </c>
      <c r="I407" s="53" t="s">
        <v>11</v>
      </c>
      <c r="J407" s="54" t="s">
        <v>25</v>
      </c>
      <c r="K407" s="54"/>
      <c r="L407" s="57" t="s">
        <v>11</v>
      </c>
      <c r="M407" s="54" t="s">
        <v>33</v>
      </c>
      <c r="N407" s="54"/>
      <c r="O407" s="57" t="s">
        <v>11</v>
      </c>
      <c r="P407" s="54" t="s">
        <v>34</v>
      </c>
      <c r="Q407" s="89"/>
      <c r="R407" s="89"/>
      <c r="S407" s="89"/>
      <c r="T407" s="54"/>
      <c r="U407" s="54"/>
      <c r="V407" s="54"/>
      <c r="W407" s="54"/>
      <c r="X407" s="54"/>
      <c r="Y407" s="54"/>
      <c r="Z407" s="54"/>
      <c r="AA407" s="54"/>
      <c r="AB407" s="54"/>
      <c r="AC407" s="54"/>
      <c r="AD407" s="54"/>
      <c r="AE407" s="54"/>
      <c r="AF407" s="90"/>
    </row>
    <row r="408" spans="1:32" ht="18.75" customHeight="1" x14ac:dyDescent="0.4">
      <c r="A408" s="85" t="s">
        <v>11</v>
      </c>
      <c r="B408" s="46">
        <v>72</v>
      </c>
      <c r="C408" s="61" t="s">
        <v>104</v>
      </c>
      <c r="D408" s="85" t="s">
        <v>11</v>
      </c>
      <c r="E408" s="49" t="s">
        <v>105</v>
      </c>
      <c r="F408" s="50"/>
      <c r="G408" s="62"/>
      <c r="H408" s="165" t="s">
        <v>107</v>
      </c>
      <c r="I408" s="53" t="s">
        <v>11</v>
      </c>
      <c r="J408" s="54" t="s">
        <v>25</v>
      </c>
      <c r="K408" s="55"/>
      <c r="L408" s="57" t="s">
        <v>11</v>
      </c>
      <c r="M408" s="54" t="s">
        <v>26</v>
      </c>
      <c r="N408" s="89"/>
      <c r="O408" s="54"/>
      <c r="P408" s="54"/>
      <c r="Q408" s="54"/>
      <c r="R408" s="54"/>
      <c r="S408" s="54"/>
      <c r="T408" s="54"/>
      <c r="U408" s="54"/>
      <c r="V408" s="54"/>
      <c r="W408" s="54"/>
      <c r="X408" s="54"/>
      <c r="Y408" s="54"/>
      <c r="Z408" s="54"/>
      <c r="AA408" s="54"/>
      <c r="AB408" s="54"/>
      <c r="AC408" s="54"/>
      <c r="AD408" s="54"/>
      <c r="AE408" s="54"/>
      <c r="AF408" s="90"/>
    </row>
    <row r="409" spans="1:32" ht="18.75" customHeight="1" x14ac:dyDescent="0.4">
      <c r="A409" s="45"/>
      <c r="B409" s="46"/>
      <c r="C409" s="61"/>
      <c r="D409" s="85" t="s">
        <v>11</v>
      </c>
      <c r="E409" s="49" t="s">
        <v>106</v>
      </c>
      <c r="F409" s="50"/>
      <c r="G409" s="62"/>
      <c r="H409" s="201" t="s">
        <v>92</v>
      </c>
      <c r="I409" s="53" t="s">
        <v>11</v>
      </c>
      <c r="J409" s="54" t="s">
        <v>25</v>
      </c>
      <c r="K409" s="55"/>
      <c r="L409" s="57" t="s">
        <v>11</v>
      </c>
      <c r="M409" s="54" t="s">
        <v>26</v>
      </c>
      <c r="N409" s="89"/>
      <c r="O409" s="54"/>
      <c r="P409" s="54"/>
      <c r="Q409" s="54"/>
      <c r="R409" s="54"/>
      <c r="S409" s="54"/>
      <c r="T409" s="54"/>
      <c r="U409" s="54"/>
      <c r="V409" s="54"/>
      <c r="W409" s="54"/>
      <c r="X409" s="54"/>
      <c r="Y409" s="54"/>
      <c r="Z409" s="54"/>
      <c r="AA409" s="54"/>
      <c r="AB409" s="54"/>
      <c r="AC409" s="54"/>
      <c r="AD409" s="54"/>
      <c r="AE409" s="54"/>
      <c r="AF409" s="90"/>
    </row>
    <row r="410" spans="1:32" ht="18.75" customHeight="1" x14ac:dyDescent="0.4">
      <c r="A410" s="45"/>
      <c r="B410" s="46"/>
      <c r="C410" s="61"/>
      <c r="D410" s="85" t="s">
        <v>11</v>
      </c>
      <c r="E410" s="49" t="s">
        <v>108</v>
      </c>
      <c r="F410" s="50"/>
      <c r="G410" s="62"/>
      <c r="H410" s="201" t="s">
        <v>110</v>
      </c>
      <c r="I410" s="53" t="s">
        <v>11</v>
      </c>
      <c r="J410" s="54" t="s">
        <v>25</v>
      </c>
      <c r="K410" s="55"/>
      <c r="L410" s="57" t="s">
        <v>11</v>
      </c>
      <c r="M410" s="54" t="s">
        <v>26</v>
      </c>
      <c r="N410" s="89"/>
      <c r="O410" s="54"/>
      <c r="P410" s="54"/>
      <c r="Q410" s="54"/>
      <c r="R410" s="54"/>
      <c r="S410" s="54"/>
      <c r="T410" s="54"/>
      <c r="U410" s="54"/>
      <c r="V410" s="54"/>
      <c r="W410" s="54"/>
      <c r="X410" s="54"/>
      <c r="Y410" s="54"/>
      <c r="Z410" s="54"/>
      <c r="AA410" s="54"/>
      <c r="AB410" s="54"/>
      <c r="AC410" s="54"/>
      <c r="AD410" s="54"/>
      <c r="AE410" s="54"/>
      <c r="AF410" s="90"/>
    </row>
    <row r="411" spans="1:32" ht="18.75" customHeight="1" x14ac:dyDescent="0.4">
      <c r="A411" s="45"/>
      <c r="B411" s="46"/>
      <c r="C411" s="61"/>
      <c r="D411" s="159"/>
      <c r="E411" s="49"/>
      <c r="F411" s="50"/>
      <c r="G411" s="62"/>
      <c r="H411" s="67" t="s">
        <v>95</v>
      </c>
      <c r="I411" s="53" t="s">
        <v>11</v>
      </c>
      <c r="J411" s="54" t="s">
        <v>25</v>
      </c>
      <c r="K411" s="55"/>
      <c r="L411" s="57" t="s">
        <v>11</v>
      </c>
      <c r="M411" s="54" t="s">
        <v>26</v>
      </c>
      <c r="N411" s="89"/>
      <c r="O411" s="54"/>
      <c r="P411" s="54"/>
      <c r="Q411" s="54"/>
      <c r="R411" s="54"/>
      <c r="S411" s="54"/>
      <c r="T411" s="54"/>
      <c r="U411" s="54"/>
      <c r="V411" s="54"/>
      <c r="W411" s="54"/>
      <c r="X411" s="54"/>
      <c r="Y411" s="54"/>
      <c r="Z411" s="54"/>
      <c r="AA411" s="54"/>
      <c r="AB411" s="54"/>
      <c r="AC411" s="54"/>
      <c r="AD411" s="54"/>
      <c r="AE411" s="54"/>
      <c r="AF411" s="90"/>
    </row>
    <row r="412" spans="1:32" ht="18.75" customHeight="1" x14ac:dyDescent="0.4">
      <c r="A412" s="45"/>
      <c r="B412" s="46"/>
      <c r="C412" s="61"/>
      <c r="D412" s="159"/>
      <c r="E412" s="49"/>
      <c r="F412" s="50"/>
      <c r="G412" s="62"/>
      <c r="H412" s="165" t="s">
        <v>96</v>
      </c>
      <c r="I412" s="53" t="s">
        <v>11</v>
      </c>
      <c r="J412" s="54" t="s">
        <v>25</v>
      </c>
      <c r="K412" s="55"/>
      <c r="L412" s="57" t="s">
        <v>11</v>
      </c>
      <c r="M412" s="54" t="s">
        <v>26</v>
      </c>
      <c r="N412" s="89"/>
      <c r="O412" s="54"/>
      <c r="P412" s="54"/>
      <c r="Q412" s="54"/>
      <c r="R412" s="54"/>
      <c r="S412" s="54"/>
      <c r="T412" s="54"/>
      <c r="U412" s="54"/>
      <c r="V412" s="54"/>
      <c r="W412" s="54"/>
      <c r="X412" s="54"/>
      <c r="Y412" s="54"/>
      <c r="Z412" s="54"/>
      <c r="AA412" s="54"/>
      <c r="AB412" s="54"/>
      <c r="AC412" s="54"/>
      <c r="AD412" s="54"/>
      <c r="AE412" s="54"/>
      <c r="AF412" s="90"/>
    </row>
    <row r="413" spans="1:32" ht="18.75" customHeight="1" x14ac:dyDescent="0.4">
      <c r="A413" s="96"/>
      <c r="B413" s="97"/>
      <c r="C413" s="205"/>
      <c r="D413" s="230"/>
      <c r="E413" s="41"/>
      <c r="F413" s="99"/>
      <c r="G413" s="206"/>
      <c r="H413" s="101" t="s">
        <v>97</v>
      </c>
      <c r="I413" s="102" t="s">
        <v>11</v>
      </c>
      <c r="J413" s="103" t="s">
        <v>25</v>
      </c>
      <c r="K413" s="214"/>
      <c r="L413" s="104" t="s">
        <v>11</v>
      </c>
      <c r="M413" s="103" t="s">
        <v>26</v>
      </c>
      <c r="N413" s="105"/>
      <c r="O413" s="103"/>
      <c r="P413" s="103"/>
      <c r="Q413" s="103"/>
      <c r="R413" s="103"/>
      <c r="S413" s="103"/>
      <c r="T413" s="103"/>
      <c r="U413" s="103"/>
      <c r="V413" s="103"/>
      <c r="W413" s="103"/>
      <c r="X413" s="103"/>
      <c r="Y413" s="103"/>
      <c r="Z413" s="103"/>
      <c r="AA413" s="103"/>
      <c r="AB413" s="103"/>
      <c r="AC413" s="103"/>
      <c r="AD413" s="103"/>
      <c r="AE413" s="103"/>
      <c r="AF413" s="208"/>
    </row>
    <row r="414" spans="1:32" ht="18.75" customHeight="1" x14ac:dyDescent="0.4">
      <c r="A414" s="45"/>
      <c r="B414" s="46"/>
      <c r="C414" s="61"/>
      <c r="D414" s="50"/>
      <c r="E414" s="49"/>
      <c r="F414" s="50"/>
      <c r="G414" s="62"/>
      <c r="H414" s="196" t="s">
        <v>222</v>
      </c>
      <c r="I414" s="135" t="s">
        <v>11</v>
      </c>
      <c r="J414" s="64" t="s">
        <v>25</v>
      </c>
      <c r="K414" s="64"/>
      <c r="L414" s="136"/>
      <c r="M414" s="137" t="s">
        <v>11</v>
      </c>
      <c r="N414" s="64" t="s">
        <v>71</v>
      </c>
      <c r="O414" s="64"/>
      <c r="P414" s="136"/>
      <c r="Q414" s="137" t="s">
        <v>11</v>
      </c>
      <c r="R414" s="147" t="s">
        <v>72</v>
      </c>
      <c r="S414" s="147"/>
      <c r="T414" s="147"/>
      <c r="U414" s="147"/>
      <c r="V414" s="64"/>
      <c r="W414" s="64"/>
      <c r="X414" s="64"/>
      <c r="Y414" s="64"/>
      <c r="Z414" s="64"/>
      <c r="AA414" s="64"/>
      <c r="AB414" s="64"/>
      <c r="AC414" s="64"/>
      <c r="AD414" s="64"/>
      <c r="AE414" s="64"/>
      <c r="AF414" s="66"/>
    </row>
    <row r="415" spans="1:32" ht="18.75" customHeight="1" x14ac:dyDescent="0.4">
      <c r="A415" s="45"/>
      <c r="B415" s="46"/>
      <c r="C415" s="61"/>
      <c r="D415" s="50"/>
      <c r="E415" s="49"/>
      <c r="F415" s="50"/>
      <c r="G415" s="62"/>
      <c r="H415" s="88" t="s">
        <v>20</v>
      </c>
      <c r="I415" s="53" t="s">
        <v>11</v>
      </c>
      <c r="J415" s="54" t="s">
        <v>21</v>
      </c>
      <c r="K415" s="55"/>
      <c r="L415" s="56"/>
      <c r="M415" s="57" t="s">
        <v>11</v>
      </c>
      <c r="N415" s="54" t="s">
        <v>22</v>
      </c>
      <c r="O415" s="57"/>
      <c r="P415" s="54"/>
      <c r="Q415" s="58"/>
      <c r="R415" s="58"/>
      <c r="S415" s="58"/>
      <c r="T415" s="58"/>
      <c r="U415" s="58"/>
      <c r="V415" s="58"/>
      <c r="W415" s="58"/>
      <c r="X415" s="58"/>
      <c r="Y415" s="58"/>
      <c r="Z415" s="58"/>
      <c r="AA415" s="58"/>
      <c r="AB415" s="58"/>
      <c r="AC415" s="58"/>
      <c r="AD415" s="58"/>
      <c r="AE415" s="58"/>
      <c r="AF415" s="195"/>
    </row>
    <row r="416" spans="1:32" ht="19.5" customHeight="1" x14ac:dyDescent="0.4">
      <c r="A416" s="45"/>
      <c r="B416" s="46"/>
      <c r="C416" s="47"/>
      <c r="D416" s="48"/>
      <c r="E416" s="49"/>
      <c r="F416" s="50"/>
      <c r="G416" s="51"/>
      <c r="H416" s="88" t="s">
        <v>73</v>
      </c>
      <c r="I416" s="53" t="s">
        <v>11</v>
      </c>
      <c r="J416" s="54" t="s">
        <v>21</v>
      </c>
      <c r="K416" s="55"/>
      <c r="L416" s="56"/>
      <c r="M416" s="57" t="s">
        <v>11</v>
      </c>
      <c r="N416" s="54" t="s">
        <v>22</v>
      </c>
      <c r="O416" s="57"/>
      <c r="P416" s="54"/>
      <c r="Q416" s="58"/>
      <c r="R416" s="58"/>
      <c r="S416" s="58"/>
      <c r="T416" s="58"/>
      <c r="U416" s="58"/>
      <c r="V416" s="58"/>
      <c r="W416" s="58"/>
      <c r="X416" s="58"/>
      <c r="Y416" s="58"/>
      <c r="Z416" s="58"/>
      <c r="AA416" s="58"/>
      <c r="AB416" s="58"/>
      <c r="AC416" s="58"/>
      <c r="AD416" s="58"/>
      <c r="AE416" s="58"/>
      <c r="AF416" s="195"/>
    </row>
    <row r="417" spans="1:33" ht="18.75" customHeight="1" x14ac:dyDescent="0.4">
      <c r="A417" s="48"/>
      <c r="B417" s="144"/>
      <c r="D417" s="48"/>
      <c r="F417" s="50"/>
      <c r="G417" s="62"/>
      <c r="H417" s="165" t="s">
        <v>115</v>
      </c>
      <c r="I417" s="53" t="s">
        <v>11</v>
      </c>
      <c r="J417" s="54" t="s">
        <v>25</v>
      </c>
      <c r="K417" s="55"/>
      <c r="L417" s="57" t="s">
        <v>11</v>
      </c>
      <c r="M417" s="54" t="s">
        <v>26</v>
      </c>
      <c r="N417" s="89"/>
      <c r="O417" s="54"/>
      <c r="P417" s="54"/>
      <c r="Q417" s="54"/>
      <c r="R417" s="54"/>
      <c r="S417" s="54"/>
      <c r="T417" s="54"/>
      <c r="U417" s="54"/>
      <c r="V417" s="54"/>
      <c r="W417" s="54"/>
      <c r="X417" s="54"/>
      <c r="Y417" s="54"/>
      <c r="Z417" s="54"/>
      <c r="AA417" s="54"/>
      <c r="AB417" s="54"/>
      <c r="AC417" s="54"/>
      <c r="AD417" s="54"/>
      <c r="AE417" s="54"/>
      <c r="AF417" s="90"/>
    </row>
    <row r="418" spans="1:33" ht="18.75" customHeight="1" x14ac:dyDescent="0.4">
      <c r="A418" s="85" t="s">
        <v>11</v>
      </c>
      <c r="B418" s="46">
        <v>73</v>
      </c>
      <c r="C418" s="61" t="s">
        <v>119</v>
      </c>
      <c r="D418" s="85" t="s">
        <v>11</v>
      </c>
      <c r="E418" s="49" t="s">
        <v>233</v>
      </c>
      <c r="F418" s="50"/>
      <c r="G418" s="62"/>
      <c r="H418" s="197" t="s">
        <v>234</v>
      </c>
      <c r="I418" s="198" t="s">
        <v>11</v>
      </c>
      <c r="J418" s="72" t="s">
        <v>29</v>
      </c>
      <c r="K418" s="72"/>
      <c r="L418" s="72"/>
      <c r="M418" s="198" t="s">
        <v>11</v>
      </c>
      <c r="N418" s="72" t="s">
        <v>30</v>
      </c>
      <c r="O418" s="72"/>
      <c r="P418" s="72"/>
      <c r="Q418" s="94"/>
      <c r="R418" s="94"/>
      <c r="S418" s="94"/>
      <c r="T418" s="94"/>
      <c r="U418" s="94"/>
      <c r="V418" s="94"/>
      <c r="W418" s="94"/>
      <c r="X418" s="94"/>
      <c r="Y418" s="94"/>
      <c r="Z418" s="94"/>
      <c r="AA418" s="94"/>
      <c r="AB418" s="94"/>
      <c r="AC418" s="94"/>
      <c r="AD418" s="94"/>
      <c r="AE418" s="94"/>
      <c r="AF418" s="95"/>
    </row>
    <row r="419" spans="1:33" ht="18.75" customHeight="1" x14ac:dyDescent="0.4">
      <c r="A419" s="85"/>
      <c r="B419" s="46"/>
      <c r="C419" s="61"/>
      <c r="D419" s="85" t="s">
        <v>11</v>
      </c>
      <c r="E419" s="49" t="s">
        <v>122</v>
      </c>
      <c r="F419" s="50"/>
      <c r="G419" s="62"/>
      <c r="H419" s="199"/>
      <c r="I419" s="200"/>
      <c r="J419" s="77"/>
      <c r="K419" s="77"/>
      <c r="L419" s="77"/>
      <c r="M419" s="200"/>
      <c r="N419" s="77"/>
      <c r="O419" s="77"/>
      <c r="P419" s="77"/>
      <c r="Q419" s="78"/>
      <c r="R419" s="78"/>
      <c r="S419" s="78"/>
      <c r="T419" s="78"/>
      <c r="U419" s="78"/>
      <c r="V419" s="78"/>
      <c r="W419" s="78"/>
      <c r="X419" s="78"/>
      <c r="Y419" s="78"/>
      <c r="Z419" s="78"/>
      <c r="AA419" s="78"/>
      <c r="AB419" s="78"/>
      <c r="AC419" s="78"/>
      <c r="AD419" s="78"/>
      <c r="AE419" s="78"/>
      <c r="AF419" s="79"/>
    </row>
    <row r="420" spans="1:33" ht="18.75" customHeight="1" x14ac:dyDescent="0.4">
      <c r="A420" s="85"/>
      <c r="B420" s="46"/>
      <c r="C420" s="61"/>
      <c r="D420" s="85"/>
      <c r="E420" s="49" t="s">
        <v>124</v>
      </c>
      <c r="F420" s="50"/>
      <c r="G420" s="62"/>
      <c r="H420" s="154" t="s">
        <v>93</v>
      </c>
      <c r="I420" s="93" t="s">
        <v>11</v>
      </c>
      <c r="J420" s="54" t="s">
        <v>25</v>
      </c>
      <c r="K420" s="54"/>
      <c r="L420" s="57" t="s">
        <v>11</v>
      </c>
      <c r="M420" s="54" t="s">
        <v>45</v>
      </c>
      <c r="N420" s="54"/>
      <c r="O420" s="82" t="s">
        <v>11</v>
      </c>
      <c r="P420" s="54" t="s">
        <v>46</v>
      </c>
      <c r="Q420" s="89"/>
      <c r="R420" s="82"/>
      <c r="S420" s="54"/>
      <c r="T420" s="89"/>
      <c r="U420" s="82"/>
      <c r="V420" s="54"/>
      <c r="W420" s="89"/>
      <c r="X420" s="78"/>
      <c r="Y420" s="58"/>
      <c r="Z420" s="58"/>
      <c r="AA420" s="58"/>
      <c r="AB420" s="58"/>
      <c r="AC420" s="58"/>
      <c r="AD420" s="58"/>
      <c r="AE420" s="58"/>
      <c r="AF420" s="59"/>
    </row>
    <row r="421" spans="1:33" ht="18.75" customHeight="1" x14ac:dyDescent="0.4">
      <c r="A421" s="45"/>
      <c r="B421" s="46"/>
      <c r="C421" s="61"/>
      <c r="F421" s="50"/>
      <c r="G421" s="62"/>
      <c r="H421" s="201" t="s">
        <v>116</v>
      </c>
      <c r="I421" s="53" t="s">
        <v>11</v>
      </c>
      <c r="J421" s="54" t="s">
        <v>25</v>
      </c>
      <c r="K421" s="55"/>
      <c r="L421" s="57" t="s">
        <v>11</v>
      </c>
      <c r="M421" s="54" t="s">
        <v>26</v>
      </c>
      <c r="N421" s="89"/>
      <c r="O421" s="54"/>
      <c r="P421" s="54"/>
      <c r="Q421" s="54"/>
      <c r="R421" s="54"/>
      <c r="S421" s="54"/>
      <c r="T421" s="54"/>
      <c r="U421" s="54"/>
      <c r="V421" s="54"/>
      <c r="W421" s="54"/>
      <c r="X421" s="54"/>
      <c r="Y421" s="54"/>
      <c r="Z421" s="54"/>
      <c r="AA421" s="54"/>
      <c r="AB421" s="54"/>
      <c r="AC421" s="54"/>
      <c r="AD421" s="54"/>
      <c r="AE421" s="54"/>
      <c r="AF421" s="90"/>
    </row>
    <row r="422" spans="1:33" ht="18.75" customHeight="1" x14ac:dyDescent="0.4">
      <c r="A422" s="48"/>
      <c r="B422" s="2"/>
      <c r="C422" s="187"/>
      <c r="F422" s="50"/>
      <c r="G422" s="62"/>
      <c r="H422" s="201" t="s">
        <v>117</v>
      </c>
      <c r="I422" s="53" t="s">
        <v>11</v>
      </c>
      <c r="J422" s="54" t="s">
        <v>25</v>
      </c>
      <c r="K422" s="54"/>
      <c r="L422" s="57" t="s">
        <v>11</v>
      </c>
      <c r="M422" s="54" t="s">
        <v>45</v>
      </c>
      <c r="N422" s="54"/>
      <c r="O422" s="57" t="s">
        <v>11</v>
      </c>
      <c r="P422" s="54" t="s">
        <v>46</v>
      </c>
      <c r="Q422" s="89"/>
      <c r="R422" s="57" t="s">
        <v>11</v>
      </c>
      <c r="S422" s="54" t="s">
        <v>118</v>
      </c>
      <c r="T422" s="89"/>
      <c r="U422" s="54"/>
      <c r="V422" s="54"/>
      <c r="W422" s="54"/>
      <c r="X422" s="54"/>
      <c r="Y422" s="54"/>
      <c r="Z422" s="54"/>
      <c r="AA422" s="54"/>
      <c r="AB422" s="54"/>
      <c r="AC422" s="54"/>
      <c r="AD422" s="54"/>
      <c r="AE422" s="54"/>
      <c r="AF422" s="90"/>
    </row>
    <row r="423" spans="1:33" ht="18.75" customHeight="1" x14ac:dyDescent="0.4">
      <c r="A423" s="48"/>
      <c r="B423" s="144"/>
      <c r="C423" s="187"/>
      <c r="F423" s="50"/>
      <c r="G423" s="62"/>
      <c r="H423" s="201" t="s">
        <v>235</v>
      </c>
      <c r="I423" s="53" t="s">
        <v>11</v>
      </c>
      <c r="J423" s="54" t="s">
        <v>25</v>
      </c>
      <c r="K423" s="55"/>
      <c r="L423" s="57" t="s">
        <v>11</v>
      </c>
      <c r="M423" s="54" t="s">
        <v>26</v>
      </c>
      <c r="N423" s="89"/>
      <c r="O423" s="54"/>
      <c r="P423" s="54"/>
      <c r="Q423" s="54"/>
      <c r="R423" s="54"/>
      <c r="S423" s="54"/>
      <c r="T423" s="54"/>
      <c r="U423" s="54"/>
      <c r="V423" s="54"/>
      <c r="W423" s="54"/>
      <c r="X423" s="54"/>
      <c r="Y423" s="54"/>
      <c r="Z423" s="54"/>
      <c r="AA423" s="54"/>
      <c r="AB423" s="54"/>
      <c r="AC423" s="54"/>
      <c r="AD423" s="54"/>
      <c r="AE423" s="54"/>
      <c r="AF423" s="90"/>
    </row>
    <row r="424" spans="1:33" ht="18.75" customHeight="1" x14ac:dyDescent="0.4">
      <c r="A424" s="45"/>
      <c r="B424" s="46"/>
      <c r="C424" s="61"/>
      <c r="D424" s="50"/>
      <c r="E424" s="49"/>
      <c r="F424" s="50"/>
      <c r="G424" s="62"/>
      <c r="H424" s="201" t="s">
        <v>123</v>
      </c>
      <c r="I424" s="53" t="s">
        <v>11</v>
      </c>
      <c r="J424" s="54" t="s">
        <v>25</v>
      </c>
      <c r="K424" s="55"/>
      <c r="L424" s="57" t="s">
        <v>11</v>
      </c>
      <c r="M424" s="54" t="s">
        <v>26</v>
      </c>
      <c r="N424" s="89"/>
      <c r="O424" s="54"/>
      <c r="P424" s="54"/>
      <c r="Q424" s="54"/>
      <c r="R424" s="54"/>
      <c r="S424" s="54"/>
      <c r="T424" s="54"/>
      <c r="U424" s="54"/>
      <c r="V424" s="54"/>
      <c r="W424" s="54"/>
      <c r="X424" s="54"/>
      <c r="Y424" s="54"/>
      <c r="Z424" s="54"/>
      <c r="AA424" s="54"/>
      <c r="AB424" s="54"/>
      <c r="AC424" s="54"/>
      <c r="AD424" s="54"/>
      <c r="AE424" s="54"/>
      <c r="AF424" s="90"/>
    </row>
    <row r="425" spans="1:33" ht="21.75" customHeight="1" x14ac:dyDescent="0.4">
      <c r="A425" s="45"/>
      <c r="B425" s="46"/>
      <c r="C425" s="61"/>
      <c r="D425" s="50"/>
      <c r="E425" s="49"/>
      <c r="F425" s="50"/>
      <c r="G425" s="62"/>
      <c r="H425" s="81" t="s">
        <v>43</v>
      </c>
      <c r="I425" s="53" t="s">
        <v>11</v>
      </c>
      <c r="J425" s="54" t="s">
        <v>25</v>
      </c>
      <c r="K425" s="55"/>
      <c r="L425" s="57" t="s">
        <v>11</v>
      </c>
      <c r="M425" s="54" t="s">
        <v>33</v>
      </c>
      <c r="N425" s="54"/>
      <c r="O425" s="82" t="s">
        <v>11</v>
      </c>
      <c r="P425" s="83" t="s">
        <v>34</v>
      </c>
      <c r="Q425" s="54"/>
      <c r="R425" s="54"/>
      <c r="S425" s="55"/>
      <c r="T425" s="54"/>
      <c r="U425" s="55"/>
      <c r="V425" s="55"/>
      <c r="W425" s="55"/>
      <c r="X425" s="55"/>
      <c r="Y425" s="54"/>
      <c r="Z425" s="54"/>
      <c r="AA425" s="54"/>
      <c r="AB425" s="54"/>
      <c r="AC425" s="54"/>
      <c r="AD425" s="54"/>
      <c r="AE425" s="54"/>
      <c r="AF425" s="90"/>
    </row>
    <row r="426" spans="1:33" s="121" customFormat="1" ht="18.75" customHeight="1" x14ac:dyDescent="0.4">
      <c r="A426" s="96"/>
      <c r="B426" s="97"/>
      <c r="C426" s="205"/>
      <c r="D426" s="99"/>
      <c r="E426" s="41"/>
      <c r="F426" s="99"/>
      <c r="G426" s="206"/>
      <c r="H426" s="101" t="s">
        <v>97</v>
      </c>
      <c r="I426" s="53" t="s">
        <v>11</v>
      </c>
      <c r="J426" s="54" t="s">
        <v>25</v>
      </c>
      <c r="K426" s="55"/>
      <c r="L426" s="57" t="s">
        <v>11</v>
      </c>
      <c r="M426" s="54" t="s">
        <v>26</v>
      </c>
      <c r="N426" s="89"/>
      <c r="O426" s="103"/>
      <c r="P426" s="103"/>
      <c r="Q426" s="103"/>
      <c r="R426" s="103"/>
      <c r="S426" s="103"/>
      <c r="T426" s="103"/>
      <c r="U426" s="103"/>
      <c r="V426" s="103"/>
      <c r="W426" s="103"/>
      <c r="X426" s="103"/>
      <c r="Y426" s="103"/>
      <c r="Z426" s="103"/>
      <c r="AA426" s="103"/>
      <c r="AB426" s="103"/>
      <c r="AC426" s="103"/>
      <c r="AD426" s="103"/>
      <c r="AE426" s="103"/>
      <c r="AF426" s="208"/>
      <c r="AG426" s="2"/>
    </row>
    <row r="427" spans="1:33" s="121" customFormat="1" ht="18.75" customHeight="1" x14ac:dyDescent="0.4">
      <c r="A427" s="122"/>
      <c r="B427" s="123"/>
      <c r="C427" s="124"/>
      <c r="D427" s="2"/>
      <c r="E427" s="2"/>
      <c r="F427" s="125"/>
      <c r="G427" s="126"/>
      <c r="H427" s="231" t="s">
        <v>222</v>
      </c>
      <c r="I427" s="128" t="s">
        <v>11</v>
      </c>
      <c r="J427" s="110" t="s">
        <v>25</v>
      </c>
      <c r="K427" s="110"/>
      <c r="L427" s="129"/>
      <c r="M427" s="130" t="s">
        <v>11</v>
      </c>
      <c r="N427" s="110" t="s">
        <v>71</v>
      </c>
      <c r="O427" s="110"/>
      <c r="P427" s="129"/>
      <c r="Q427" s="130" t="s">
        <v>11</v>
      </c>
      <c r="R427" s="131" t="s">
        <v>72</v>
      </c>
      <c r="S427" s="131"/>
      <c r="T427" s="131"/>
      <c r="U427" s="131"/>
      <c r="V427" s="110"/>
      <c r="W427" s="110"/>
      <c r="X427" s="110"/>
      <c r="Y427" s="110"/>
      <c r="Z427" s="110"/>
      <c r="AA427" s="110"/>
      <c r="AB427" s="110"/>
      <c r="AC427" s="110"/>
      <c r="AD427" s="110"/>
      <c r="AE427" s="110"/>
      <c r="AF427" s="232"/>
      <c r="AG427" s="2"/>
    </row>
    <row r="428" spans="1:33" s="121" customFormat="1" ht="18.75" customHeight="1" x14ac:dyDescent="0.4">
      <c r="A428" s="85" t="s">
        <v>11</v>
      </c>
      <c r="B428" s="46">
        <v>68</v>
      </c>
      <c r="C428" s="61" t="s">
        <v>126</v>
      </c>
      <c r="D428" s="85" t="s">
        <v>11</v>
      </c>
      <c r="E428" s="49" t="s">
        <v>233</v>
      </c>
      <c r="F428" s="50"/>
      <c r="G428" s="62"/>
      <c r="H428" s="88" t="s">
        <v>20</v>
      </c>
      <c r="I428" s="53" t="s">
        <v>11</v>
      </c>
      <c r="J428" s="54" t="s">
        <v>21</v>
      </c>
      <c r="K428" s="55"/>
      <c r="L428" s="56"/>
      <c r="M428" s="57" t="s">
        <v>11</v>
      </c>
      <c r="N428" s="54" t="s">
        <v>22</v>
      </c>
      <c r="O428" s="57"/>
      <c r="P428" s="54"/>
      <c r="Q428" s="58"/>
      <c r="R428" s="58"/>
      <c r="S428" s="58"/>
      <c r="T428" s="58"/>
      <c r="U428" s="58"/>
      <c r="V428" s="58"/>
      <c r="W428" s="58"/>
      <c r="X428" s="58"/>
      <c r="Y428" s="58"/>
      <c r="Z428" s="58"/>
      <c r="AA428" s="58"/>
      <c r="AB428" s="58"/>
      <c r="AC428" s="58"/>
      <c r="AD428" s="58"/>
      <c r="AE428" s="58"/>
      <c r="AF428" s="195"/>
      <c r="AG428" s="2"/>
    </row>
    <row r="429" spans="1:33" s="121" customFormat="1" ht="18.75" customHeight="1" x14ac:dyDescent="0.4">
      <c r="A429" s="45"/>
      <c r="B429" s="46"/>
      <c r="C429" s="61" t="s">
        <v>148</v>
      </c>
      <c r="D429" s="85" t="s">
        <v>11</v>
      </c>
      <c r="E429" s="49" t="s">
        <v>122</v>
      </c>
      <c r="F429" s="50"/>
      <c r="G429" s="62"/>
      <c r="H429" s="88" t="s">
        <v>73</v>
      </c>
      <c r="I429" s="53" t="s">
        <v>11</v>
      </c>
      <c r="J429" s="54" t="s">
        <v>21</v>
      </c>
      <c r="K429" s="55"/>
      <c r="L429" s="56"/>
      <c r="M429" s="57" t="s">
        <v>11</v>
      </c>
      <c r="N429" s="54" t="s">
        <v>22</v>
      </c>
      <c r="O429" s="57"/>
      <c r="P429" s="54"/>
      <c r="Q429" s="58"/>
      <c r="R429" s="58"/>
      <c r="S429" s="58"/>
      <c r="T429" s="58"/>
      <c r="U429" s="58"/>
      <c r="V429" s="58"/>
      <c r="W429" s="58"/>
      <c r="X429" s="58"/>
      <c r="Y429" s="58"/>
      <c r="Z429" s="58"/>
      <c r="AA429" s="58"/>
      <c r="AB429" s="58"/>
      <c r="AC429" s="58"/>
      <c r="AD429" s="58"/>
      <c r="AE429" s="58"/>
      <c r="AF429" s="195"/>
      <c r="AG429" s="2"/>
    </row>
    <row r="430" spans="1:33" s="121" customFormat="1" ht="18.75" customHeight="1" x14ac:dyDescent="0.4">
      <c r="A430" s="48"/>
      <c r="B430" s="144"/>
      <c r="C430" s="187"/>
      <c r="D430" s="2"/>
      <c r="E430" s="2" t="s">
        <v>236</v>
      </c>
      <c r="F430" s="50"/>
      <c r="G430" s="62"/>
      <c r="H430" s="197" t="s">
        <v>234</v>
      </c>
      <c r="I430" s="198" t="s">
        <v>11</v>
      </c>
      <c r="J430" s="72" t="s">
        <v>29</v>
      </c>
      <c r="K430" s="72"/>
      <c r="L430" s="72"/>
      <c r="M430" s="198" t="s">
        <v>11</v>
      </c>
      <c r="N430" s="72" t="s">
        <v>30</v>
      </c>
      <c r="O430" s="72"/>
      <c r="P430" s="72"/>
      <c r="Q430" s="94"/>
      <c r="R430" s="94"/>
      <c r="S430" s="94"/>
      <c r="T430" s="94"/>
      <c r="U430" s="94"/>
      <c r="V430" s="94"/>
      <c r="W430" s="94"/>
      <c r="X430" s="94"/>
      <c r="Y430" s="94"/>
      <c r="Z430" s="94"/>
      <c r="AA430" s="94"/>
      <c r="AB430" s="94"/>
      <c r="AC430" s="94"/>
      <c r="AD430" s="94"/>
      <c r="AE430" s="94"/>
      <c r="AF430" s="95"/>
      <c r="AG430" s="2"/>
    </row>
    <row r="431" spans="1:33" s="121" customFormat="1" ht="18.75" customHeight="1" x14ac:dyDescent="0.4">
      <c r="A431" s="48"/>
      <c r="B431" s="144"/>
      <c r="C431" s="2"/>
      <c r="D431" s="50"/>
      <c r="E431" s="49" t="s">
        <v>237</v>
      </c>
      <c r="F431" s="50"/>
      <c r="G431" s="62"/>
      <c r="H431" s="233"/>
      <c r="I431" s="200"/>
      <c r="J431" s="77"/>
      <c r="K431" s="77"/>
      <c r="L431" s="77"/>
      <c r="M431" s="200"/>
      <c r="N431" s="77"/>
      <c r="O431" s="77"/>
      <c r="P431" s="77"/>
      <c r="Q431" s="78"/>
      <c r="R431" s="78"/>
      <c r="S431" s="78"/>
      <c r="T431" s="78"/>
      <c r="U431" s="78"/>
      <c r="V431" s="78"/>
      <c r="W431" s="78"/>
      <c r="X431" s="78"/>
      <c r="Y431" s="78"/>
      <c r="Z431" s="78"/>
      <c r="AA431" s="78"/>
      <c r="AB431" s="78"/>
      <c r="AC431" s="78"/>
      <c r="AD431" s="78"/>
      <c r="AE431" s="78"/>
      <c r="AF431" s="79"/>
      <c r="AG431" s="2"/>
    </row>
    <row r="432" spans="1:33" ht="18.75" customHeight="1" x14ac:dyDescent="0.4">
      <c r="A432" s="122"/>
      <c r="B432" s="123"/>
      <c r="C432" s="124"/>
      <c r="D432" s="125"/>
      <c r="E432" s="25"/>
      <c r="F432" s="125"/>
      <c r="G432" s="126"/>
      <c r="H432" s="231" t="s">
        <v>114</v>
      </c>
      <c r="I432" s="128" t="s">
        <v>11</v>
      </c>
      <c r="J432" s="110" t="s">
        <v>25</v>
      </c>
      <c r="K432" s="110"/>
      <c r="L432" s="129"/>
      <c r="M432" s="130" t="s">
        <v>11</v>
      </c>
      <c r="N432" s="110" t="s">
        <v>71</v>
      </c>
      <c r="O432" s="110"/>
      <c r="P432" s="129"/>
      <c r="Q432" s="130" t="s">
        <v>11</v>
      </c>
      <c r="R432" s="131" t="s">
        <v>72</v>
      </c>
      <c r="S432" s="131"/>
      <c r="T432" s="131"/>
      <c r="U432" s="131"/>
      <c r="V432" s="110"/>
      <c r="W432" s="110"/>
      <c r="X432" s="110"/>
      <c r="Y432" s="110"/>
      <c r="Z432" s="110"/>
      <c r="AA432" s="110"/>
      <c r="AB432" s="110"/>
      <c r="AC432" s="110"/>
      <c r="AD432" s="110"/>
      <c r="AE432" s="110"/>
      <c r="AF432" s="232"/>
    </row>
    <row r="433" spans="1:32" ht="19.5" customHeight="1" x14ac:dyDescent="0.4">
      <c r="A433" s="45"/>
      <c r="B433" s="46"/>
      <c r="C433" s="47"/>
      <c r="D433" s="48"/>
      <c r="E433" s="49"/>
      <c r="F433" s="50"/>
      <c r="G433" s="51"/>
      <c r="H433" s="88" t="s">
        <v>20</v>
      </c>
      <c r="I433" s="53" t="s">
        <v>11</v>
      </c>
      <c r="J433" s="54" t="s">
        <v>21</v>
      </c>
      <c r="K433" s="55"/>
      <c r="L433" s="56"/>
      <c r="M433" s="57" t="s">
        <v>11</v>
      </c>
      <c r="N433" s="54" t="s">
        <v>22</v>
      </c>
      <c r="O433" s="57"/>
      <c r="P433" s="54"/>
      <c r="Q433" s="58"/>
      <c r="R433" s="58"/>
      <c r="S433" s="58"/>
      <c r="T433" s="58"/>
      <c r="U433" s="58"/>
      <c r="V433" s="58"/>
      <c r="W433" s="58"/>
      <c r="X433" s="58"/>
      <c r="Y433" s="58"/>
      <c r="Z433" s="58"/>
      <c r="AA433" s="58"/>
      <c r="AB433" s="58"/>
      <c r="AC433" s="58"/>
      <c r="AD433" s="58"/>
      <c r="AE433" s="58"/>
      <c r="AF433" s="195"/>
    </row>
    <row r="434" spans="1:32" ht="19.5" customHeight="1" x14ac:dyDescent="0.4">
      <c r="A434" s="45"/>
      <c r="B434" s="46"/>
      <c r="C434" s="47"/>
      <c r="D434" s="48"/>
      <c r="E434" s="49"/>
      <c r="F434" s="50"/>
      <c r="G434" s="51"/>
      <c r="H434" s="88" t="s">
        <v>73</v>
      </c>
      <c r="I434" s="53" t="s">
        <v>11</v>
      </c>
      <c r="J434" s="54" t="s">
        <v>21</v>
      </c>
      <c r="K434" s="55"/>
      <c r="L434" s="56"/>
      <c r="M434" s="57" t="s">
        <v>11</v>
      </c>
      <c r="N434" s="54" t="s">
        <v>22</v>
      </c>
      <c r="O434" s="57"/>
      <c r="P434" s="54"/>
      <c r="Q434" s="58"/>
      <c r="R434" s="58"/>
      <c r="S434" s="58"/>
      <c r="T434" s="58"/>
      <c r="U434" s="58"/>
      <c r="V434" s="58"/>
      <c r="W434" s="58"/>
      <c r="X434" s="58"/>
      <c r="Y434" s="58"/>
      <c r="Z434" s="58"/>
      <c r="AA434" s="58"/>
      <c r="AB434" s="58"/>
      <c r="AC434" s="58"/>
      <c r="AD434" s="58"/>
      <c r="AE434" s="58"/>
      <c r="AF434" s="195"/>
    </row>
    <row r="435" spans="1:32" ht="18.75" customHeight="1" x14ac:dyDescent="0.4">
      <c r="A435" s="45"/>
      <c r="B435" s="46"/>
      <c r="C435" s="61"/>
      <c r="D435" s="50"/>
      <c r="E435" s="49"/>
      <c r="F435" s="50"/>
      <c r="G435" s="62"/>
      <c r="H435" s="201" t="s">
        <v>203</v>
      </c>
      <c r="I435" s="53" t="s">
        <v>11</v>
      </c>
      <c r="J435" s="54" t="s">
        <v>25</v>
      </c>
      <c r="K435" s="55"/>
      <c r="L435" s="57" t="s">
        <v>11</v>
      </c>
      <c r="M435" s="54" t="s">
        <v>26</v>
      </c>
      <c r="N435" s="89"/>
      <c r="O435" s="54"/>
      <c r="P435" s="54"/>
      <c r="Q435" s="54"/>
      <c r="R435" s="54"/>
      <c r="S435" s="54"/>
      <c r="T435" s="54"/>
      <c r="U435" s="54"/>
      <c r="V435" s="54"/>
      <c r="W435" s="54"/>
      <c r="X435" s="54"/>
      <c r="Y435" s="54"/>
      <c r="Z435" s="54"/>
      <c r="AA435" s="54"/>
      <c r="AB435" s="54"/>
      <c r="AC435" s="54"/>
      <c r="AD435" s="54"/>
      <c r="AE435" s="54"/>
      <c r="AF435" s="90"/>
    </row>
    <row r="436" spans="1:32" ht="18.75" customHeight="1" x14ac:dyDescent="0.4">
      <c r="A436" s="45"/>
      <c r="B436" s="46"/>
      <c r="C436" s="61"/>
      <c r="D436" s="50"/>
      <c r="E436" s="49"/>
      <c r="F436" s="50"/>
      <c r="G436" s="62"/>
      <c r="H436" s="201" t="s">
        <v>204</v>
      </c>
      <c r="I436" s="53" t="s">
        <v>11</v>
      </c>
      <c r="J436" s="54" t="s">
        <v>129</v>
      </c>
      <c r="K436" s="55"/>
      <c r="L436" s="56"/>
      <c r="M436" s="57" t="s">
        <v>11</v>
      </c>
      <c r="N436" s="54" t="s">
        <v>205</v>
      </c>
      <c r="O436" s="58"/>
      <c r="P436" s="58"/>
      <c r="Q436" s="58"/>
      <c r="R436" s="54"/>
      <c r="S436" s="54"/>
      <c r="T436" s="54"/>
      <c r="U436" s="54"/>
      <c r="V436" s="54"/>
      <c r="W436" s="54"/>
      <c r="X436" s="54"/>
      <c r="Y436" s="54"/>
      <c r="Z436" s="54"/>
      <c r="AA436" s="54"/>
      <c r="AB436" s="54"/>
      <c r="AC436" s="54"/>
      <c r="AD436" s="54"/>
      <c r="AE436" s="54"/>
      <c r="AF436" s="90"/>
    </row>
    <row r="437" spans="1:32" ht="18.75" customHeight="1" x14ac:dyDescent="0.4">
      <c r="A437" s="48"/>
      <c r="B437" s="2"/>
      <c r="C437" s="48"/>
      <c r="D437" s="48"/>
      <c r="F437" s="50"/>
      <c r="G437" s="62"/>
      <c r="H437" s="165" t="s">
        <v>115</v>
      </c>
      <c r="I437" s="53" t="s">
        <v>11</v>
      </c>
      <c r="J437" s="54" t="s">
        <v>25</v>
      </c>
      <c r="K437" s="55"/>
      <c r="L437" s="57" t="s">
        <v>11</v>
      </c>
      <c r="M437" s="54" t="s">
        <v>26</v>
      </c>
      <c r="N437" s="89"/>
      <c r="O437" s="54"/>
      <c r="P437" s="54"/>
      <c r="Q437" s="54"/>
      <c r="R437" s="54"/>
      <c r="S437" s="54"/>
      <c r="T437" s="54"/>
      <c r="U437" s="54"/>
      <c r="V437" s="54"/>
      <c r="W437" s="54"/>
      <c r="X437" s="54"/>
      <c r="Y437" s="54"/>
      <c r="Z437" s="54"/>
      <c r="AA437" s="54"/>
      <c r="AB437" s="54"/>
      <c r="AC437" s="54"/>
      <c r="AD437" s="54"/>
      <c r="AE437" s="54"/>
      <c r="AF437" s="90"/>
    </row>
    <row r="438" spans="1:32" ht="18.75" customHeight="1" x14ac:dyDescent="0.4">
      <c r="A438" s="45"/>
      <c r="B438" s="46"/>
      <c r="C438" s="61" t="s">
        <v>207</v>
      </c>
      <c r="D438" s="85" t="s">
        <v>11</v>
      </c>
      <c r="E438" s="49" t="s">
        <v>208</v>
      </c>
      <c r="F438" s="50"/>
      <c r="G438" s="62"/>
      <c r="H438" s="197" t="s">
        <v>234</v>
      </c>
      <c r="I438" s="198" t="s">
        <v>11</v>
      </c>
      <c r="J438" s="72" t="s">
        <v>29</v>
      </c>
      <c r="K438" s="72"/>
      <c r="L438" s="72"/>
      <c r="M438" s="198" t="s">
        <v>11</v>
      </c>
      <c r="N438" s="72" t="s">
        <v>30</v>
      </c>
      <c r="O438" s="72"/>
      <c r="P438" s="72"/>
      <c r="Q438" s="94"/>
      <c r="R438" s="94"/>
      <c r="S438" s="94"/>
      <c r="T438" s="94"/>
      <c r="U438" s="94"/>
      <c r="V438" s="94"/>
      <c r="W438" s="94"/>
      <c r="X438" s="94"/>
      <c r="Y438" s="94"/>
      <c r="Z438" s="94"/>
      <c r="AA438" s="94"/>
      <c r="AB438" s="94"/>
      <c r="AC438" s="94"/>
      <c r="AD438" s="94"/>
      <c r="AE438" s="94"/>
      <c r="AF438" s="95"/>
    </row>
    <row r="439" spans="1:32" ht="18.75" customHeight="1" x14ac:dyDescent="0.4">
      <c r="A439" s="85" t="s">
        <v>11</v>
      </c>
      <c r="B439" s="46">
        <v>77</v>
      </c>
      <c r="C439" s="61" t="s">
        <v>210</v>
      </c>
      <c r="D439" s="85" t="s">
        <v>11</v>
      </c>
      <c r="E439" s="49" t="s">
        <v>211</v>
      </c>
      <c r="F439" s="50"/>
      <c r="G439" s="62"/>
      <c r="H439" s="199"/>
      <c r="I439" s="200"/>
      <c r="J439" s="77"/>
      <c r="K439" s="77"/>
      <c r="L439" s="77"/>
      <c r="M439" s="200"/>
      <c r="N439" s="77"/>
      <c r="O439" s="77"/>
      <c r="P439" s="77"/>
      <c r="Q439" s="78"/>
      <c r="R439" s="78"/>
      <c r="S439" s="78"/>
      <c r="T439" s="78"/>
      <c r="U439" s="78"/>
      <c r="V439" s="78"/>
      <c r="W439" s="78"/>
      <c r="X439" s="78"/>
      <c r="Y439" s="78"/>
      <c r="Z439" s="78"/>
      <c r="AA439" s="78"/>
      <c r="AB439" s="78"/>
      <c r="AC439" s="78"/>
      <c r="AD439" s="78"/>
      <c r="AE439" s="78"/>
      <c r="AF439" s="79"/>
    </row>
    <row r="440" spans="1:32" ht="18.75" customHeight="1" x14ac:dyDescent="0.4">
      <c r="A440" s="45"/>
      <c r="B440" s="46"/>
      <c r="C440" s="61" t="s">
        <v>212</v>
      </c>
      <c r="D440" s="50"/>
      <c r="E440" s="49" t="s">
        <v>124</v>
      </c>
      <c r="F440" s="50"/>
      <c r="G440" s="62"/>
      <c r="H440" s="154" t="s">
        <v>93</v>
      </c>
      <c r="I440" s="93" t="s">
        <v>11</v>
      </c>
      <c r="J440" s="54" t="s">
        <v>25</v>
      </c>
      <c r="K440" s="54"/>
      <c r="L440" s="57" t="s">
        <v>11</v>
      </c>
      <c r="M440" s="54" t="s">
        <v>45</v>
      </c>
      <c r="N440" s="54"/>
      <c r="O440" s="82" t="s">
        <v>11</v>
      </c>
      <c r="P440" s="54" t="s">
        <v>46</v>
      </c>
      <c r="Q440" s="89"/>
      <c r="R440" s="82"/>
      <c r="S440" s="54"/>
      <c r="T440" s="89"/>
      <c r="U440" s="82"/>
      <c r="V440" s="54"/>
      <c r="W440" s="89"/>
      <c r="X440" s="78"/>
      <c r="Y440" s="58"/>
      <c r="Z440" s="58"/>
      <c r="AA440" s="58"/>
      <c r="AB440" s="58"/>
      <c r="AC440" s="58"/>
      <c r="AD440" s="58"/>
      <c r="AE440" s="58"/>
      <c r="AF440" s="59"/>
    </row>
    <row r="441" spans="1:32" ht="18.75" customHeight="1" x14ac:dyDescent="0.4">
      <c r="A441" s="45"/>
      <c r="B441" s="46"/>
      <c r="C441" s="61"/>
      <c r="D441" s="50"/>
      <c r="E441" s="49"/>
      <c r="F441" s="50"/>
      <c r="G441" s="62"/>
      <c r="H441" s="201" t="s">
        <v>110</v>
      </c>
      <c r="I441" s="53" t="s">
        <v>11</v>
      </c>
      <c r="J441" s="54" t="s">
        <v>25</v>
      </c>
      <c r="K441" s="55"/>
      <c r="L441" s="57" t="s">
        <v>11</v>
      </c>
      <c r="M441" s="54" t="s">
        <v>26</v>
      </c>
      <c r="N441" s="89"/>
      <c r="O441" s="54"/>
      <c r="P441" s="54"/>
      <c r="Q441" s="54"/>
      <c r="R441" s="54"/>
      <c r="S441" s="54"/>
      <c r="T441" s="54"/>
      <c r="U441" s="54"/>
      <c r="V441" s="54"/>
      <c r="W441" s="54"/>
      <c r="X441" s="54"/>
      <c r="Y441" s="54"/>
      <c r="Z441" s="54"/>
      <c r="AA441" s="54"/>
      <c r="AB441" s="54"/>
      <c r="AC441" s="54"/>
      <c r="AD441" s="54"/>
      <c r="AE441" s="54"/>
      <c r="AF441" s="90"/>
    </row>
    <row r="442" spans="1:32" ht="18.75" customHeight="1" x14ac:dyDescent="0.4">
      <c r="A442" s="48"/>
      <c r="B442" s="144"/>
      <c r="C442" s="187"/>
      <c r="F442" s="50"/>
      <c r="G442" s="62"/>
      <c r="H442" s="67" t="s">
        <v>95</v>
      </c>
      <c r="I442" s="53" t="s">
        <v>11</v>
      </c>
      <c r="J442" s="54" t="s">
        <v>25</v>
      </c>
      <c r="K442" s="55"/>
      <c r="L442" s="57" t="s">
        <v>11</v>
      </c>
      <c r="M442" s="54" t="s">
        <v>26</v>
      </c>
      <c r="N442" s="89"/>
      <c r="O442" s="54"/>
      <c r="P442" s="54"/>
      <c r="Q442" s="54"/>
      <c r="R442" s="54"/>
      <c r="S442" s="54"/>
      <c r="T442" s="54"/>
      <c r="U442" s="54"/>
      <c r="V442" s="54"/>
      <c r="W442" s="54"/>
      <c r="X442" s="54"/>
      <c r="Y442" s="54"/>
      <c r="Z442" s="54"/>
      <c r="AA442" s="54"/>
      <c r="AB442" s="54"/>
      <c r="AC442" s="54"/>
      <c r="AD442" s="54"/>
      <c r="AE442" s="54"/>
      <c r="AF442" s="90"/>
    </row>
    <row r="443" spans="1:32" ht="18.75" customHeight="1" x14ac:dyDescent="0.4">
      <c r="A443" s="48"/>
      <c r="B443" s="144"/>
      <c r="C443" s="187"/>
      <c r="F443" s="50"/>
      <c r="G443" s="62"/>
      <c r="H443" s="81" t="s">
        <v>238</v>
      </c>
      <c r="I443" s="53" t="s">
        <v>11</v>
      </c>
      <c r="J443" s="54" t="s">
        <v>25</v>
      </c>
      <c r="K443" s="55"/>
      <c r="L443" s="57" t="s">
        <v>11</v>
      </c>
      <c r="M443" s="54" t="s">
        <v>26</v>
      </c>
      <c r="N443" s="89"/>
      <c r="O443" s="54"/>
      <c r="P443" s="54"/>
      <c r="Q443" s="54"/>
      <c r="R443" s="54"/>
      <c r="S443" s="54"/>
      <c r="T443" s="54"/>
      <c r="U443" s="54"/>
      <c r="V443" s="54"/>
      <c r="W443" s="54"/>
      <c r="X443" s="54"/>
      <c r="Y443" s="54"/>
      <c r="Z443" s="54"/>
      <c r="AA443" s="54"/>
      <c r="AB443" s="54"/>
      <c r="AC443" s="54"/>
      <c r="AD443" s="54"/>
      <c r="AE443" s="54"/>
      <c r="AF443" s="90"/>
    </row>
    <row r="444" spans="1:32" ht="18.75" customHeight="1" x14ac:dyDescent="0.4">
      <c r="A444" s="48"/>
      <c r="B444" s="144"/>
      <c r="C444" s="187"/>
      <c r="F444" s="50"/>
      <c r="G444" s="62"/>
      <c r="H444" s="201" t="s">
        <v>37</v>
      </c>
      <c r="I444" s="53" t="s">
        <v>11</v>
      </c>
      <c r="J444" s="54" t="s">
        <v>38</v>
      </c>
      <c r="K444" s="55"/>
      <c r="L444" s="89"/>
      <c r="M444" s="57" t="s">
        <v>11</v>
      </c>
      <c r="N444" s="54" t="s">
        <v>39</v>
      </c>
      <c r="O444" s="58"/>
      <c r="P444" s="58"/>
      <c r="Q444" s="58"/>
      <c r="R444" s="54"/>
      <c r="S444" s="54"/>
      <c r="T444" s="54"/>
      <c r="U444" s="54"/>
      <c r="V444" s="54"/>
      <c r="W444" s="54"/>
      <c r="X444" s="54"/>
      <c r="Y444" s="54"/>
      <c r="Z444" s="54"/>
      <c r="AA444" s="54"/>
      <c r="AB444" s="54"/>
      <c r="AC444" s="54"/>
      <c r="AD444" s="54"/>
      <c r="AE444" s="54"/>
      <c r="AF444" s="90"/>
    </row>
    <row r="445" spans="1:32" ht="18.75" customHeight="1" x14ac:dyDescent="0.4">
      <c r="A445" s="45"/>
      <c r="B445" s="46"/>
      <c r="C445" s="51"/>
      <c r="D445" s="48"/>
      <c r="E445" s="49"/>
      <c r="F445" s="50"/>
      <c r="G445" s="51"/>
      <c r="H445" s="91" t="s">
        <v>209</v>
      </c>
      <c r="I445" s="93" t="s">
        <v>11</v>
      </c>
      <c r="J445" s="54" t="s">
        <v>25</v>
      </c>
      <c r="K445" s="55"/>
      <c r="L445" s="57" t="s">
        <v>11</v>
      </c>
      <c r="M445" s="54" t="s">
        <v>26</v>
      </c>
      <c r="N445" s="54"/>
      <c r="O445" s="89"/>
      <c r="P445" s="89"/>
      <c r="Q445" s="89"/>
      <c r="R445" s="89"/>
      <c r="S445" s="89"/>
      <c r="T445" s="89"/>
      <c r="U445" s="89"/>
      <c r="V445" s="89"/>
      <c r="W445" s="89"/>
      <c r="X445" s="89"/>
      <c r="Y445" s="89"/>
      <c r="Z445" s="89"/>
      <c r="AA445" s="89"/>
      <c r="AB445" s="89"/>
      <c r="AC445" s="54"/>
      <c r="AD445" s="54"/>
      <c r="AE445" s="54"/>
      <c r="AF445" s="90"/>
    </row>
    <row r="446" spans="1:32" ht="18.75" customHeight="1" x14ac:dyDescent="0.4">
      <c r="A446" s="45"/>
      <c r="B446" s="46"/>
      <c r="C446" s="61"/>
      <c r="D446" s="50"/>
      <c r="E446" s="49"/>
      <c r="F446" s="50"/>
      <c r="G446" s="62"/>
      <c r="H446" s="201" t="s">
        <v>42</v>
      </c>
      <c r="I446" s="53" t="s">
        <v>11</v>
      </c>
      <c r="J446" s="54" t="s">
        <v>25</v>
      </c>
      <c r="K446" s="55"/>
      <c r="L446" s="57" t="s">
        <v>11</v>
      </c>
      <c r="M446" s="54" t="s">
        <v>26</v>
      </c>
      <c r="N446" s="89"/>
      <c r="O446" s="54"/>
      <c r="P446" s="54"/>
      <c r="Q446" s="54"/>
      <c r="R446" s="54"/>
      <c r="S446" s="54"/>
      <c r="T446" s="54"/>
      <c r="U446" s="54"/>
      <c r="V446" s="54"/>
      <c r="W446" s="54"/>
      <c r="X446" s="54"/>
      <c r="Y446" s="54"/>
      <c r="Z446" s="54"/>
      <c r="AA446" s="54"/>
      <c r="AB446" s="54"/>
      <c r="AC446" s="54"/>
      <c r="AD446" s="54"/>
      <c r="AE446" s="54"/>
      <c r="AF446" s="90"/>
    </row>
    <row r="447" spans="1:32" ht="18.75" customHeight="1" x14ac:dyDescent="0.4">
      <c r="A447" s="45"/>
      <c r="B447" s="46"/>
      <c r="C447" s="47"/>
      <c r="D447" s="48"/>
      <c r="E447" s="49"/>
      <c r="F447" s="50"/>
      <c r="G447" s="51"/>
      <c r="H447" s="91" t="s">
        <v>213</v>
      </c>
      <c r="I447" s="93" t="s">
        <v>11</v>
      </c>
      <c r="J447" s="54" t="s">
        <v>25</v>
      </c>
      <c r="K447" s="55"/>
      <c r="L447" s="57" t="s">
        <v>11</v>
      </c>
      <c r="M447" s="54" t="s">
        <v>26</v>
      </c>
      <c r="N447" s="54"/>
      <c r="O447" s="89"/>
      <c r="P447" s="89"/>
      <c r="Q447" s="89"/>
      <c r="R447" s="89"/>
      <c r="S447" s="89"/>
      <c r="T447" s="89"/>
      <c r="U447" s="89"/>
      <c r="V447" s="89"/>
      <c r="W447" s="89"/>
      <c r="X447" s="89"/>
      <c r="Y447" s="89"/>
      <c r="Z447" s="89"/>
      <c r="AA447" s="89"/>
      <c r="AB447" s="89"/>
      <c r="AC447" s="54"/>
      <c r="AD447" s="54"/>
      <c r="AE447" s="54"/>
      <c r="AF447" s="90"/>
    </row>
    <row r="448" spans="1:32" ht="18.75" customHeight="1" x14ac:dyDescent="0.4">
      <c r="A448" s="45"/>
      <c r="B448" s="46"/>
      <c r="C448" s="61"/>
      <c r="D448" s="50"/>
      <c r="E448" s="49"/>
      <c r="F448" s="50"/>
      <c r="G448" s="62"/>
      <c r="H448" s="201" t="s">
        <v>214</v>
      </c>
      <c r="I448" s="53" t="s">
        <v>11</v>
      </c>
      <c r="J448" s="54" t="s">
        <v>25</v>
      </c>
      <c r="K448" s="54"/>
      <c r="L448" s="57" t="s">
        <v>11</v>
      </c>
      <c r="M448" s="54" t="s">
        <v>33</v>
      </c>
      <c r="N448" s="54"/>
      <c r="O448" s="57" t="s">
        <v>11</v>
      </c>
      <c r="P448" s="54" t="s">
        <v>34</v>
      </c>
      <c r="Q448" s="89"/>
      <c r="R448" s="89"/>
      <c r="S448" s="89"/>
      <c r="T448" s="54"/>
      <c r="U448" s="54"/>
      <c r="V448" s="54"/>
      <c r="W448" s="54"/>
      <c r="X448" s="54"/>
      <c r="Y448" s="54"/>
      <c r="Z448" s="54"/>
      <c r="AA448" s="54"/>
      <c r="AB448" s="54"/>
      <c r="AC448" s="54"/>
      <c r="AD448" s="54"/>
      <c r="AE448" s="54"/>
      <c r="AF448" s="90"/>
    </row>
    <row r="449" spans="1:32" ht="18.75" customHeight="1" x14ac:dyDescent="0.4">
      <c r="A449" s="45"/>
      <c r="B449" s="46"/>
      <c r="C449" s="61"/>
      <c r="D449" s="50"/>
      <c r="E449" s="49"/>
      <c r="F449" s="50"/>
      <c r="G449" s="62"/>
      <c r="H449" s="201" t="s">
        <v>123</v>
      </c>
      <c r="I449" s="53" t="s">
        <v>11</v>
      </c>
      <c r="J449" s="54" t="s">
        <v>25</v>
      </c>
      <c r="K449" s="55"/>
      <c r="L449" s="57" t="s">
        <v>11</v>
      </c>
      <c r="M449" s="54" t="s">
        <v>26</v>
      </c>
      <c r="N449" s="89"/>
      <c r="O449" s="54"/>
      <c r="P449" s="54"/>
      <c r="Q449" s="54"/>
      <c r="R449" s="54"/>
      <c r="S449" s="54"/>
      <c r="T449" s="54"/>
      <c r="U449" s="54"/>
      <c r="V449" s="54"/>
      <c r="W449" s="54"/>
      <c r="X449" s="54"/>
      <c r="Y449" s="54"/>
      <c r="Z449" s="54"/>
      <c r="AA449" s="54"/>
      <c r="AB449" s="54"/>
      <c r="AC449" s="54"/>
      <c r="AD449" s="54"/>
      <c r="AE449" s="54"/>
      <c r="AF449" s="90"/>
    </row>
    <row r="450" spans="1:32" ht="18.75" customHeight="1" x14ac:dyDescent="0.4">
      <c r="A450" s="45"/>
      <c r="B450" s="46"/>
      <c r="C450" s="61"/>
      <c r="D450" s="50"/>
      <c r="E450" s="49"/>
      <c r="F450" s="50"/>
      <c r="G450" s="62"/>
      <c r="H450" s="81" t="s">
        <v>43</v>
      </c>
      <c r="I450" s="53" t="s">
        <v>11</v>
      </c>
      <c r="J450" s="54" t="s">
        <v>25</v>
      </c>
      <c r="K450" s="55"/>
      <c r="L450" s="57" t="s">
        <v>11</v>
      </c>
      <c r="M450" s="54" t="s">
        <v>33</v>
      </c>
      <c r="N450" s="54"/>
      <c r="O450" s="82" t="s">
        <v>11</v>
      </c>
      <c r="P450" s="83" t="s">
        <v>34</v>
      </c>
      <c r="Q450" s="54"/>
      <c r="R450" s="54"/>
      <c r="S450" s="55"/>
      <c r="T450" s="54"/>
      <c r="U450" s="55"/>
      <c r="V450" s="55"/>
      <c r="W450" s="55"/>
      <c r="X450" s="55"/>
      <c r="Y450" s="54"/>
      <c r="Z450" s="54"/>
      <c r="AA450" s="54"/>
      <c r="AB450" s="54"/>
      <c r="AC450" s="54"/>
      <c r="AD450" s="54"/>
      <c r="AE450" s="54"/>
      <c r="AF450" s="90"/>
    </row>
    <row r="451" spans="1:32" ht="18.75" customHeight="1" x14ac:dyDescent="0.4">
      <c r="A451" s="45"/>
      <c r="B451" s="46"/>
      <c r="C451" s="61"/>
      <c r="D451" s="50"/>
      <c r="E451" s="49"/>
      <c r="F451" s="50"/>
      <c r="G451" s="62"/>
      <c r="H451" s="201" t="s">
        <v>239</v>
      </c>
      <c r="I451" s="53" t="s">
        <v>11</v>
      </c>
      <c r="J451" s="54" t="s">
        <v>25</v>
      </c>
      <c r="K451" s="55"/>
      <c r="L451" s="57" t="s">
        <v>11</v>
      </c>
      <c r="M451" s="54" t="s">
        <v>26</v>
      </c>
      <c r="N451" s="89"/>
      <c r="O451" s="54"/>
      <c r="P451" s="54"/>
      <c r="Q451" s="54"/>
      <c r="R451" s="54"/>
      <c r="S451" s="54"/>
      <c r="T451" s="54"/>
      <c r="U451" s="54"/>
      <c r="V451" s="54"/>
      <c r="W451" s="54"/>
      <c r="X451" s="54"/>
      <c r="Y451" s="54"/>
      <c r="Z451" s="54"/>
      <c r="AA451" s="54"/>
      <c r="AB451" s="54"/>
      <c r="AC451" s="54"/>
      <c r="AD451" s="54"/>
      <c r="AE451" s="54"/>
      <c r="AF451" s="90"/>
    </row>
    <row r="452" spans="1:32" ht="18.75" customHeight="1" x14ac:dyDescent="0.4">
      <c r="A452" s="96"/>
      <c r="B452" s="97"/>
      <c r="C452" s="205"/>
      <c r="D452" s="234"/>
      <c r="E452" s="41"/>
      <c r="F452" s="234"/>
      <c r="G452" s="206"/>
      <c r="H452" s="235" t="s">
        <v>97</v>
      </c>
      <c r="I452" s="102" t="s">
        <v>11</v>
      </c>
      <c r="J452" s="103" t="s">
        <v>25</v>
      </c>
      <c r="K452" s="214"/>
      <c r="L452" s="104" t="s">
        <v>11</v>
      </c>
      <c r="M452" s="103" t="s">
        <v>26</v>
      </c>
      <c r="N452" s="105"/>
      <c r="O452" s="103"/>
      <c r="P452" s="103"/>
      <c r="Q452" s="103"/>
      <c r="R452" s="103"/>
      <c r="S452" s="103"/>
      <c r="T452" s="103"/>
      <c r="U452" s="103"/>
      <c r="V452" s="103"/>
      <c r="W452" s="103"/>
      <c r="X452" s="103"/>
      <c r="Y452" s="103"/>
      <c r="Z452" s="103"/>
      <c r="AA452" s="103"/>
      <c r="AB452" s="103"/>
      <c r="AC452" s="103"/>
      <c r="AD452" s="103"/>
      <c r="AE452" s="103"/>
      <c r="AF452" s="208"/>
    </row>
    <row r="453" spans="1:32" ht="18.75" customHeight="1" x14ac:dyDescent="0.4">
      <c r="A453" s="122"/>
      <c r="B453" s="123"/>
      <c r="C453" s="124"/>
      <c r="D453" s="236"/>
      <c r="E453" s="18"/>
      <c r="F453" s="237"/>
      <c r="G453" s="126"/>
      <c r="H453" s="231" t="s">
        <v>70</v>
      </c>
      <c r="I453" s="128" t="s">
        <v>11</v>
      </c>
      <c r="J453" s="110" t="s">
        <v>25</v>
      </c>
      <c r="K453" s="110"/>
      <c r="L453" s="129"/>
      <c r="M453" s="130" t="s">
        <v>11</v>
      </c>
      <c r="N453" s="110" t="s">
        <v>71</v>
      </c>
      <c r="O453" s="110"/>
      <c r="P453" s="129"/>
      <c r="Q453" s="130" t="s">
        <v>11</v>
      </c>
      <c r="R453" s="131" t="s">
        <v>72</v>
      </c>
      <c r="S453" s="131"/>
      <c r="T453" s="131"/>
      <c r="U453" s="131"/>
      <c r="V453" s="110"/>
      <c r="W453" s="110"/>
      <c r="X453" s="110"/>
      <c r="Y453" s="110"/>
      <c r="Z453" s="110"/>
      <c r="AA453" s="110"/>
      <c r="AB453" s="110"/>
      <c r="AC453" s="110"/>
      <c r="AD453" s="110"/>
      <c r="AE453" s="110"/>
      <c r="AF453" s="232"/>
    </row>
    <row r="454" spans="1:32" s="241" customFormat="1" ht="19.5" customHeight="1" x14ac:dyDescent="0.15">
      <c r="A454" s="238"/>
      <c r="B454" s="239"/>
      <c r="C454" s="240" t="s">
        <v>240</v>
      </c>
      <c r="D454" s="85" t="s">
        <v>11</v>
      </c>
      <c r="E454" s="49" t="s">
        <v>208</v>
      </c>
      <c r="H454" s="88" t="s">
        <v>20</v>
      </c>
      <c r="I454" s="53" t="s">
        <v>11</v>
      </c>
      <c r="J454" s="54" t="s">
        <v>21</v>
      </c>
      <c r="K454" s="55"/>
      <c r="L454" s="56"/>
      <c r="M454" s="57" t="s">
        <v>11</v>
      </c>
      <c r="N454" s="54" t="s">
        <v>22</v>
      </c>
      <c r="O454" s="57"/>
      <c r="P454" s="54"/>
      <c r="Q454" s="58"/>
      <c r="R454" s="58"/>
      <c r="S454" s="58"/>
      <c r="T454" s="58"/>
      <c r="U454" s="58"/>
      <c r="V454" s="58"/>
      <c r="W454" s="58"/>
      <c r="X454" s="58"/>
      <c r="Y454" s="58"/>
      <c r="Z454" s="58"/>
      <c r="AA454" s="58"/>
      <c r="AB454" s="58"/>
      <c r="AC454" s="58"/>
      <c r="AD454" s="58"/>
      <c r="AE454" s="58"/>
      <c r="AF454" s="195"/>
    </row>
    <row r="455" spans="1:32" ht="18.75" customHeight="1" x14ac:dyDescent="0.4">
      <c r="A455" s="85" t="s">
        <v>11</v>
      </c>
      <c r="B455" s="46">
        <v>79</v>
      </c>
      <c r="C455" s="61" t="s">
        <v>241</v>
      </c>
      <c r="D455" s="85" t="s">
        <v>11</v>
      </c>
      <c r="E455" s="49" t="s">
        <v>211</v>
      </c>
      <c r="F455" s="50"/>
      <c r="G455" s="62"/>
      <c r="H455" s="88" t="s">
        <v>73</v>
      </c>
      <c r="I455" s="53" t="s">
        <v>11</v>
      </c>
      <c r="J455" s="54" t="s">
        <v>21</v>
      </c>
      <c r="K455" s="55"/>
      <c r="L455" s="56"/>
      <c r="M455" s="57" t="s">
        <v>11</v>
      </c>
      <c r="N455" s="54" t="s">
        <v>22</v>
      </c>
      <c r="O455" s="57"/>
      <c r="P455" s="54"/>
      <c r="Q455" s="58"/>
      <c r="R455" s="58"/>
      <c r="S455" s="58"/>
      <c r="T455" s="58"/>
      <c r="U455" s="58"/>
      <c r="V455" s="58"/>
      <c r="W455" s="58"/>
      <c r="X455" s="58"/>
      <c r="Y455" s="58"/>
      <c r="Z455" s="58"/>
      <c r="AA455" s="58"/>
      <c r="AB455" s="58"/>
      <c r="AC455" s="58"/>
      <c r="AD455" s="58"/>
      <c r="AE455" s="58"/>
      <c r="AF455" s="195"/>
    </row>
    <row r="456" spans="1:32" ht="18.75" customHeight="1" x14ac:dyDescent="0.4">
      <c r="A456" s="85"/>
      <c r="B456" s="46"/>
      <c r="C456" s="61" t="s">
        <v>242</v>
      </c>
      <c r="E456" s="144" t="s">
        <v>236</v>
      </c>
      <c r="F456" s="50"/>
      <c r="G456" s="62"/>
      <c r="H456" s="197" t="s">
        <v>60</v>
      </c>
      <c r="I456" s="210" t="s">
        <v>11</v>
      </c>
      <c r="J456" s="72" t="s">
        <v>29</v>
      </c>
      <c r="K456" s="72"/>
      <c r="L456" s="72"/>
      <c r="M456" s="198" t="s">
        <v>11</v>
      </c>
      <c r="N456" s="72" t="s">
        <v>30</v>
      </c>
      <c r="O456" s="72"/>
      <c r="P456" s="72"/>
      <c r="Q456" s="94"/>
      <c r="R456" s="94"/>
      <c r="S456" s="94"/>
      <c r="T456" s="94"/>
      <c r="U456" s="94"/>
      <c r="V456" s="94"/>
      <c r="W456" s="94"/>
      <c r="X456" s="94"/>
      <c r="Y456" s="94"/>
      <c r="Z456" s="94"/>
      <c r="AA456" s="94"/>
      <c r="AB456" s="94"/>
      <c r="AC456" s="94"/>
      <c r="AD456" s="94"/>
      <c r="AE456" s="94"/>
      <c r="AF456" s="95"/>
    </row>
    <row r="457" spans="1:32" ht="18.75" customHeight="1" x14ac:dyDescent="0.4">
      <c r="A457" s="96"/>
      <c r="B457" s="97"/>
      <c r="C457" s="192"/>
      <c r="D457" s="34"/>
      <c r="E457" s="192"/>
      <c r="F457" s="99"/>
      <c r="G457" s="206"/>
      <c r="H457" s="233"/>
      <c r="I457" s="242"/>
      <c r="J457" s="243"/>
      <c r="K457" s="243"/>
      <c r="L457" s="243"/>
      <c r="M457" s="244"/>
      <c r="N457" s="243"/>
      <c r="O457" s="243"/>
      <c r="P457" s="243"/>
      <c r="Q457" s="193"/>
      <c r="R457" s="193"/>
      <c r="S457" s="193"/>
      <c r="T457" s="193"/>
      <c r="U457" s="193"/>
      <c r="V457" s="193"/>
      <c r="W457" s="193"/>
      <c r="X457" s="193"/>
      <c r="Y457" s="193"/>
      <c r="Z457" s="193"/>
      <c r="AA457" s="193"/>
      <c r="AB457" s="193"/>
      <c r="AC457" s="193"/>
      <c r="AD457" s="193"/>
      <c r="AE457" s="193"/>
      <c r="AF457" s="35"/>
    </row>
    <row r="458" spans="1:32" ht="18.75" customHeight="1" x14ac:dyDescent="0.4">
      <c r="A458" s="122"/>
      <c r="B458" s="123"/>
      <c r="C458" s="124"/>
      <c r="D458" s="125"/>
      <c r="E458" s="25"/>
      <c r="F458" s="125"/>
      <c r="G458" s="126"/>
      <c r="H458" s="231" t="s">
        <v>222</v>
      </c>
      <c r="I458" s="128" t="s">
        <v>11</v>
      </c>
      <c r="J458" s="110" t="s">
        <v>25</v>
      </c>
      <c r="K458" s="110"/>
      <c r="L458" s="129"/>
      <c r="M458" s="130" t="s">
        <v>11</v>
      </c>
      <c r="N458" s="110" t="s">
        <v>71</v>
      </c>
      <c r="O458" s="110"/>
      <c r="P458" s="129"/>
      <c r="Q458" s="130" t="s">
        <v>11</v>
      </c>
      <c r="R458" s="131" t="s">
        <v>72</v>
      </c>
      <c r="S458" s="131"/>
      <c r="T458" s="131"/>
      <c r="U458" s="131"/>
      <c r="V458" s="110"/>
      <c r="W458" s="110"/>
      <c r="X458" s="110"/>
      <c r="Y458" s="110"/>
      <c r="Z458" s="110"/>
      <c r="AA458" s="110"/>
      <c r="AB458" s="110"/>
      <c r="AC458" s="110"/>
      <c r="AD458" s="110"/>
      <c r="AE458" s="110"/>
      <c r="AF458" s="232"/>
    </row>
    <row r="459" spans="1:32" ht="19.5" customHeight="1" x14ac:dyDescent="0.4">
      <c r="A459" s="45"/>
      <c r="B459" s="46"/>
      <c r="C459" s="47"/>
      <c r="D459" s="48"/>
      <c r="E459" s="49"/>
      <c r="F459" s="50"/>
      <c r="G459" s="51"/>
      <c r="H459" s="88" t="s">
        <v>20</v>
      </c>
      <c r="I459" s="53" t="s">
        <v>11</v>
      </c>
      <c r="J459" s="54" t="s">
        <v>21</v>
      </c>
      <c r="K459" s="55"/>
      <c r="L459" s="56"/>
      <c r="M459" s="57" t="s">
        <v>11</v>
      </c>
      <c r="N459" s="54" t="s">
        <v>22</v>
      </c>
      <c r="O459" s="57"/>
      <c r="P459" s="54"/>
      <c r="Q459" s="58"/>
      <c r="R459" s="58"/>
      <c r="S459" s="58"/>
      <c r="T459" s="58"/>
      <c r="U459" s="58"/>
      <c r="V459" s="58"/>
      <c r="W459" s="58"/>
      <c r="X459" s="58"/>
      <c r="Y459" s="58"/>
      <c r="Z459" s="58"/>
      <c r="AA459" s="58"/>
      <c r="AB459" s="58"/>
      <c r="AC459" s="58"/>
      <c r="AD459" s="58"/>
      <c r="AE459" s="58"/>
      <c r="AF459" s="195"/>
    </row>
    <row r="460" spans="1:32" ht="19.5" customHeight="1" x14ac:dyDescent="0.4">
      <c r="A460" s="45"/>
      <c r="B460" s="46"/>
      <c r="C460" s="47"/>
      <c r="D460" s="48"/>
      <c r="E460" s="49"/>
      <c r="F460" s="50"/>
      <c r="G460" s="51"/>
      <c r="H460" s="88" t="s">
        <v>73</v>
      </c>
      <c r="I460" s="53" t="s">
        <v>11</v>
      </c>
      <c r="J460" s="54" t="s">
        <v>21</v>
      </c>
      <c r="K460" s="55"/>
      <c r="L460" s="56"/>
      <c r="M460" s="57" t="s">
        <v>11</v>
      </c>
      <c r="N460" s="54" t="s">
        <v>22</v>
      </c>
      <c r="O460" s="57"/>
      <c r="P460" s="54"/>
      <c r="Q460" s="58"/>
      <c r="R460" s="58"/>
      <c r="S460" s="58"/>
      <c r="T460" s="58"/>
      <c r="U460" s="58"/>
      <c r="V460" s="58"/>
      <c r="W460" s="58"/>
      <c r="X460" s="58"/>
      <c r="Y460" s="58"/>
      <c r="Z460" s="58"/>
      <c r="AA460" s="58"/>
      <c r="AB460" s="58"/>
      <c r="AC460" s="58"/>
      <c r="AD460" s="58"/>
      <c r="AE460" s="58"/>
      <c r="AF460" s="195"/>
    </row>
    <row r="461" spans="1:32" ht="18.75" customHeight="1" x14ac:dyDescent="0.4">
      <c r="A461" s="45"/>
      <c r="B461" s="46"/>
      <c r="C461" s="61"/>
      <c r="D461" s="50"/>
      <c r="E461" s="49"/>
      <c r="F461" s="50"/>
      <c r="G461" s="62"/>
      <c r="H461" s="201" t="s">
        <v>75</v>
      </c>
      <c r="I461" s="53" t="s">
        <v>11</v>
      </c>
      <c r="J461" s="54" t="s">
        <v>38</v>
      </c>
      <c r="K461" s="55"/>
      <c r="L461" s="89"/>
      <c r="M461" s="57" t="s">
        <v>11</v>
      </c>
      <c r="N461" s="54" t="s">
        <v>39</v>
      </c>
      <c r="O461" s="58"/>
      <c r="P461" s="58"/>
      <c r="Q461" s="58"/>
      <c r="R461" s="54"/>
      <c r="S461" s="54"/>
      <c r="T461" s="54"/>
      <c r="U461" s="54"/>
      <c r="V461" s="54"/>
      <c r="W461" s="54"/>
      <c r="X461" s="54"/>
      <c r="Y461" s="54"/>
      <c r="Z461" s="54"/>
      <c r="AA461" s="54"/>
      <c r="AB461" s="54"/>
      <c r="AC461" s="54"/>
      <c r="AD461" s="54"/>
      <c r="AE461" s="54"/>
      <c r="AF461" s="90"/>
    </row>
    <row r="462" spans="1:32" ht="18.75" customHeight="1" x14ac:dyDescent="0.4">
      <c r="A462" s="85" t="s">
        <v>11</v>
      </c>
      <c r="B462" s="46">
        <v>74</v>
      </c>
      <c r="C462" s="61" t="s">
        <v>216</v>
      </c>
      <c r="D462" s="85" t="s">
        <v>11</v>
      </c>
      <c r="E462" s="49" t="s">
        <v>105</v>
      </c>
      <c r="F462" s="50"/>
      <c r="G462" s="62"/>
      <c r="H462" s="165" t="s">
        <v>81</v>
      </c>
      <c r="I462" s="53" t="s">
        <v>11</v>
      </c>
      <c r="J462" s="54" t="s">
        <v>25</v>
      </c>
      <c r="K462" s="54"/>
      <c r="L462" s="57" t="s">
        <v>11</v>
      </c>
      <c r="M462" s="54" t="s">
        <v>45</v>
      </c>
      <c r="N462" s="54"/>
      <c r="O462" s="57" t="s">
        <v>11</v>
      </c>
      <c r="P462" s="54" t="s">
        <v>46</v>
      </c>
      <c r="Q462" s="89"/>
      <c r="R462" s="89"/>
      <c r="S462" s="212"/>
      <c r="T462" s="212"/>
      <c r="U462" s="212"/>
      <c r="V462" s="212"/>
      <c r="W462" s="212"/>
      <c r="X462" s="212"/>
      <c r="Y462" s="212"/>
      <c r="Z462" s="212"/>
      <c r="AA462" s="212"/>
      <c r="AB462" s="212"/>
      <c r="AC462" s="212"/>
      <c r="AD462" s="212"/>
      <c r="AE462" s="212"/>
      <c r="AF462" s="213"/>
    </row>
    <row r="463" spans="1:32" ht="18.75" customHeight="1" x14ac:dyDescent="0.4">
      <c r="A463" s="45"/>
      <c r="B463" s="46"/>
      <c r="C463" s="61" t="s">
        <v>217</v>
      </c>
      <c r="D463" s="85" t="s">
        <v>11</v>
      </c>
      <c r="E463" s="49" t="s">
        <v>106</v>
      </c>
      <c r="F463" s="50"/>
      <c r="G463" s="62"/>
      <c r="H463" s="165" t="s">
        <v>86</v>
      </c>
      <c r="I463" s="53" t="s">
        <v>11</v>
      </c>
      <c r="J463" s="54" t="s">
        <v>25</v>
      </c>
      <c r="K463" s="54"/>
      <c r="L463" s="57" t="s">
        <v>11</v>
      </c>
      <c r="M463" s="54" t="s">
        <v>33</v>
      </c>
      <c r="N463" s="54"/>
      <c r="O463" s="57" t="s">
        <v>11</v>
      </c>
      <c r="P463" s="54" t="s">
        <v>34</v>
      </c>
      <c r="Q463" s="89"/>
      <c r="R463" s="89"/>
      <c r="S463" s="89"/>
      <c r="T463" s="54"/>
      <c r="U463" s="54"/>
      <c r="V463" s="54"/>
      <c r="W463" s="54"/>
      <c r="X463" s="54"/>
      <c r="Y463" s="54"/>
      <c r="Z463" s="54"/>
      <c r="AA463" s="54"/>
      <c r="AB463" s="54"/>
      <c r="AC463" s="54"/>
      <c r="AD463" s="54"/>
      <c r="AE463" s="54"/>
      <c r="AF463" s="90"/>
    </row>
    <row r="464" spans="1:32" ht="18.75" customHeight="1" x14ac:dyDescent="0.4">
      <c r="A464" s="85"/>
      <c r="B464" s="46"/>
      <c r="C464" s="61"/>
      <c r="D464" s="85" t="s">
        <v>11</v>
      </c>
      <c r="E464" s="49" t="s">
        <v>108</v>
      </c>
      <c r="F464" s="50"/>
      <c r="G464" s="62"/>
      <c r="H464" s="165" t="s">
        <v>107</v>
      </c>
      <c r="I464" s="53" t="s">
        <v>11</v>
      </c>
      <c r="J464" s="54" t="s">
        <v>25</v>
      </c>
      <c r="K464" s="55"/>
      <c r="L464" s="57" t="s">
        <v>11</v>
      </c>
      <c r="M464" s="54" t="s">
        <v>26</v>
      </c>
      <c r="N464" s="89"/>
      <c r="O464" s="54"/>
      <c r="P464" s="54"/>
      <c r="Q464" s="54"/>
      <c r="R464" s="54"/>
      <c r="S464" s="54"/>
      <c r="T464" s="54"/>
      <c r="U464" s="54"/>
      <c r="V464" s="54"/>
      <c r="W464" s="54"/>
      <c r="X464" s="54"/>
      <c r="Y464" s="54"/>
      <c r="Z464" s="54"/>
      <c r="AA464" s="54"/>
      <c r="AB464" s="54"/>
      <c r="AC464" s="54"/>
      <c r="AD464" s="54"/>
      <c r="AE464" s="54"/>
      <c r="AF464" s="90"/>
    </row>
    <row r="465" spans="1:32" ht="18.75" customHeight="1" x14ac:dyDescent="0.4">
      <c r="A465" s="45"/>
      <c r="B465" s="46"/>
      <c r="C465" s="61"/>
      <c r="D465" s="85"/>
      <c r="E465" s="49"/>
      <c r="F465" s="50"/>
      <c r="G465" s="62"/>
      <c r="H465" s="201" t="s">
        <v>116</v>
      </c>
      <c r="I465" s="53" t="s">
        <v>11</v>
      </c>
      <c r="J465" s="54" t="s">
        <v>25</v>
      </c>
      <c r="K465" s="55"/>
      <c r="L465" s="57" t="s">
        <v>11</v>
      </c>
      <c r="M465" s="54" t="s">
        <v>26</v>
      </c>
      <c r="N465" s="89"/>
      <c r="O465" s="54"/>
      <c r="P465" s="54"/>
      <c r="Q465" s="54"/>
      <c r="R465" s="54"/>
      <c r="S465" s="54"/>
      <c r="T465" s="54"/>
      <c r="U465" s="54"/>
      <c r="V465" s="54"/>
      <c r="W465" s="54"/>
      <c r="X465" s="54"/>
      <c r="Y465" s="54"/>
      <c r="Z465" s="54"/>
      <c r="AA465" s="54"/>
      <c r="AB465" s="54"/>
      <c r="AC465" s="54"/>
      <c r="AD465" s="54"/>
      <c r="AE465" s="54"/>
      <c r="AF465" s="90"/>
    </row>
    <row r="466" spans="1:32" ht="18.75" customHeight="1" x14ac:dyDescent="0.4">
      <c r="A466" s="45"/>
      <c r="B466" s="46"/>
      <c r="C466" s="61"/>
      <c r="D466" s="50"/>
      <c r="E466" s="49"/>
      <c r="F466" s="50"/>
      <c r="G466" s="62"/>
      <c r="H466" s="67" t="s">
        <v>95</v>
      </c>
      <c r="I466" s="53" t="s">
        <v>11</v>
      </c>
      <c r="J466" s="54" t="s">
        <v>25</v>
      </c>
      <c r="K466" s="55"/>
      <c r="L466" s="57" t="s">
        <v>11</v>
      </c>
      <c r="M466" s="54" t="s">
        <v>26</v>
      </c>
      <c r="N466" s="89"/>
      <c r="O466" s="54"/>
      <c r="P466" s="54"/>
      <c r="Q466" s="54"/>
      <c r="R466" s="54"/>
      <c r="S466" s="54"/>
      <c r="T466" s="54"/>
      <c r="U466" s="54"/>
      <c r="V466" s="54"/>
      <c r="W466" s="54"/>
      <c r="X466" s="54"/>
      <c r="Y466" s="54"/>
      <c r="Z466" s="54"/>
      <c r="AA466" s="54"/>
      <c r="AB466" s="54"/>
      <c r="AC466" s="54"/>
      <c r="AD466" s="54"/>
      <c r="AE466" s="54"/>
      <c r="AF466" s="90"/>
    </row>
    <row r="467" spans="1:32" ht="18.75" customHeight="1" x14ac:dyDescent="0.4">
      <c r="A467" s="45"/>
      <c r="B467" s="46"/>
      <c r="C467" s="61"/>
      <c r="D467" s="50"/>
      <c r="E467" s="49"/>
      <c r="F467" s="50"/>
      <c r="G467" s="62"/>
      <c r="H467" s="165" t="s">
        <v>96</v>
      </c>
      <c r="I467" s="53" t="s">
        <v>11</v>
      </c>
      <c r="J467" s="54" t="s">
        <v>25</v>
      </c>
      <c r="K467" s="55"/>
      <c r="L467" s="57" t="s">
        <v>11</v>
      </c>
      <c r="M467" s="54" t="s">
        <v>26</v>
      </c>
      <c r="N467" s="89"/>
      <c r="O467" s="54"/>
      <c r="P467" s="54"/>
      <c r="Q467" s="54"/>
      <c r="R467" s="54"/>
      <c r="S467" s="54"/>
      <c r="T467" s="54"/>
      <c r="U467" s="54"/>
      <c r="V467" s="54"/>
      <c r="W467" s="54"/>
      <c r="X467" s="54"/>
      <c r="Y467" s="54"/>
      <c r="Z467" s="54"/>
      <c r="AA467" s="54"/>
      <c r="AB467" s="54"/>
      <c r="AC467" s="54"/>
      <c r="AD467" s="54"/>
      <c r="AE467" s="54"/>
      <c r="AF467" s="90"/>
    </row>
    <row r="468" spans="1:32" ht="18.75" customHeight="1" x14ac:dyDescent="0.4">
      <c r="A468" s="96"/>
      <c r="B468" s="97"/>
      <c r="C468" s="205"/>
      <c r="D468" s="99"/>
      <c r="E468" s="41"/>
      <c r="F468" s="99"/>
      <c r="G468" s="206"/>
      <c r="H468" s="101" t="s">
        <v>97</v>
      </c>
      <c r="I468" s="102" t="s">
        <v>11</v>
      </c>
      <c r="J468" s="103" t="s">
        <v>25</v>
      </c>
      <c r="K468" s="214"/>
      <c r="L468" s="104" t="s">
        <v>11</v>
      </c>
      <c r="M468" s="103" t="s">
        <v>26</v>
      </c>
      <c r="N468" s="105"/>
      <c r="O468" s="103"/>
      <c r="P468" s="103"/>
      <c r="Q468" s="103"/>
      <c r="R468" s="103"/>
      <c r="S468" s="103"/>
      <c r="T468" s="103"/>
      <c r="U468" s="103"/>
      <c r="V468" s="103"/>
      <c r="W468" s="103"/>
      <c r="X468" s="103"/>
      <c r="Y468" s="103"/>
      <c r="Z468" s="103"/>
      <c r="AA468" s="103"/>
      <c r="AB468" s="103"/>
      <c r="AC468" s="103"/>
      <c r="AD468" s="103"/>
      <c r="AE468" s="103"/>
      <c r="AF468" s="208"/>
    </row>
    <row r="469" spans="1:32" ht="18.75" customHeight="1" x14ac:dyDescent="0.4">
      <c r="A469" s="122"/>
      <c r="B469" s="123"/>
      <c r="C469" s="124"/>
      <c r="D469" s="125"/>
      <c r="E469" s="25"/>
      <c r="F469" s="125"/>
      <c r="G469" s="126"/>
      <c r="H469" s="231" t="s">
        <v>222</v>
      </c>
      <c r="I469" s="128" t="s">
        <v>11</v>
      </c>
      <c r="J469" s="110" t="s">
        <v>25</v>
      </c>
      <c r="K469" s="110"/>
      <c r="L469" s="129"/>
      <c r="M469" s="130" t="s">
        <v>11</v>
      </c>
      <c r="N469" s="110" t="s">
        <v>71</v>
      </c>
      <c r="O469" s="110"/>
      <c r="P469" s="129"/>
      <c r="Q469" s="130" t="s">
        <v>11</v>
      </c>
      <c r="R469" s="131" t="s">
        <v>72</v>
      </c>
      <c r="S469" s="131"/>
      <c r="T469" s="131"/>
      <c r="U469" s="131"/>
      <c r="V469" s="110"/>
      <c r="W469" s="110"/>
      <c r="X469" s="110"/>
      <c r="Y469" s="110"/>
      <c r="Z469" s="110"/>
      <c r="AA469" s="110"/>
      <c r="AB469" s="110"/>
      <c r="AC469" s="110"/>
      <c r="AD469" s="110"/>
      <c r="AE469" s="110"/>
      <c r="AF469" s="232"/>
    </row>
    <row r="470" spans="1:32" ht="19.5" customHeight="1" x14ac:dyDescent="0.4">
      <c r="A470" s="45"/>
      <c r="B470" s="46"/>
      <c r="C470" s="47"/>
      <c r="D470" s="48"/>
      <c r="E470" s="49"/>
      <c r="F470" s="50"/>
      <c r="G470" s="51"/>
      <c r="H470" s="88" t="s">
        <v>20</v>
      </c>
      <c r="I470" s="53" t="s">
        <v>11</v>
      </c>
      <c r="J470" s="54" t="s">
        <v>21</v>
      </c>
      <c r="K470" s="55"/>
      <c r="L470" s="56"/>
      <c r="M470" s="57" t="s">
        <v>11</v>
      </c>
      <c r="N470" s="54" t="s">
        <v>22</v>
      </c>
      <c r="O470" s="57"/>
      <c r="P470" s="54"/>
      <c r="Q470" s="58"/>
      <c r="R470" s="58"/>
      <c r="S470" s="58"/>
      <c r="T470" s="58"/>
      <c r="U470" s="58"/>
      <c r="V470" s="58"/>
      <c r="W470" s="58"/>
      <c r="X470" s="58"/>
      <c r="Y470" s="58"/>
      <c r="Z470" s="58"/>
      <c r="AA470" s="58"/>
      <c r="AB470" s="58"/>
      <c r="AC470" s="58"/>
      <c r="AD470" s="58"/>
      <c r="AE470" s="58"/>
      <c r="AF470" s="195"/>
    </row>
    <row r="471" spans="1:32" ht="19.5" customHeight="1" x14ac:dyDescent="0.4">
      <c r="A471" s="45"/>
      <c r="B471" s="46"/>
      <c r="C471" s="47"/>
      <c r="D471" s="48"/>
      <c r="E471" s="49"/>
      <c r="F471" s="50"/>
      <c r="G471" s="51"/>
      <c r="H471" s="88" t="s">
        <v>73</v>
      </c>
      <c r="I471" s="53" t="s">
        <v>11</v>
      </c>
      <c r="J471" s="54" t="s">
        <v>21</v>
      </c>
      <c r="K471" s="55"/>
      <c r="L471" s="56"/>
      <c r="M471" s="57" t="s">
        <v>11</v>
      </c>
      <c r="N471" s="54" t="s">
        <v>22</v>
      </c>
      <c r="O471" s="57"/>
      <c r="P471" s="54"/>
      <c r="Q471" s="58"/>
      <c r="R471" s="58"/>
      <c r="S471" s="58"/>
      <c r="T471" s="58"/>
      <c r="U471" s="58"/>
      <c r="V471" s="58"/>
      <c r="W471" s="58"/>
      <c r="X471" s="58"/>
      <c r="Y471" s="58"/>
      <c r="Z471" s="58"/>
      <c r="AA471" s="58"/>
      <c r="AB471" s="58"/>
      <c r="AC471" s="58"/>
      <c r="AD471" s="58"/>
      <c r="AE471" s="58"/>
      <c r="AF471" s="195"/>
    </row>
    <row r="472" spans="1:32" ht="18.75" customHeight="1" x14ac:dyDescent="0.4">
      <c r="A472" s="85" t="s">
        <v>11</v>
      </c>
      <c r="B472" s="46">
        <v>75</v>
      </c>
      <c r="C472" s="61" t="s">
        <v>223</v>
      </c>
      <c r="D472" s="85" t="s">
        <v>11</v>
      </c>
      <c r="E472" s="49" t="s">
        <v>243</v>
      </c>
      <c r="F472" s="50"/>
      <c r="G472" s="62"/>
      <c r="H472" s="201" t="s">
        <v>24</v>
      </c>
      <c r="I472" s="53" t="s">
        <v>11</v>
      </c>
      <c r="J472" s="54" t="s">
        <v>25</v>
      </c>
      <c r="K472" s="55"/>
      <c r="L472" s="57" t="s">
        <v>11</v>
      </c>
      <c r="M472" s="54" t="s">
        <v>26</v>
      </c>
      <c r="N472" s="89"/>
      <c r="O472" s="54"/>
      <c r="P472" s="54"/>
      <c r="Q472" s="54"/>
      <c r="R472" s="54"/>
      <c r="S472" s="54"/>
      <c r="T472" s="54"/>
      <c r="U472" s="54"/>
      <c r="V472" s="54"/>
      <c r="W472" s="54"/>
      <c r="X472" s="54"/>
      <c r="Y472" s="54"/>
      <c r="Z472" s="54"/>
      <c r="AA472" s="54"/>
      <c r="AB472" s="54"/>
      <c r="AC472" s="54"/>
      <c r="AD472" s="54"/>
      <c r="AE472" s="54"/>
      <c r="AF472" s="90"/>
    </row>
    <row r="473" spans="1:32" ht="18.75" customHeight="1" x14ac:dyDescent="0.4">
      <c r="A473" s="45"/>
      <c r="B473" s="46"/>
      <c r="C473" s="61" t="s">
        <v>220</v>
      </c>
      <c r="D473" s="85" t="s">
        <v>11</v>
      </c>
      <c r="E473" s="49" t="s">
        <v>221</v>
      </c>
      <c r="F473" s="50"/>
      <c r="G473" s="62"/>
      <c r="H473" s="197" t="s">
        <v>60</v>
      </c>
      <c r="I473" s="198" t="s">
        <v>11</v>
      </c>
      <c r="J473" s="72" t="s">
        <v>29</v>
      </c>
      <c r="K473" s="72"/>
      <c r="L473" s="72"/>
      <c r="M473" s="198" t="s">
        <v>11</v>
      </c>
      <c r="N473" s="72" t="s">
        <v>30</v>
      </c>
      <c r="O473" s="72"/>
      <c r="P473" s="72"/>
      <c r="Q473" s="94"/>
      <c r="R473" s="94"/>
      <c r="S473" s="94"/>
      <c r="T473" s="94"/>
      <c r="U473" s="94"/>
      <c r="V473" s="94"/>
      <c r="W473" s="94"/>
      <c r="X473" s="94"/>
      <c r="Y473" s="94"/>
      <c r="Z473" s="94"/>
      <c r="AA473" s="94"/>
      <c r="AB473" s="94"/>
      <c r="AC473" s="94"/>
      <c r="AD473" s="94"/>
      <c r="AE473" s="94"/>
      <c r="AF473" s="95"/>
    </row>
    <row r="474" spans="1:32" ht="18.75" customHeight="1" x14ac:dyDescent="0.4">
      <c r="A474" s="45"/>
      <c r="B474" s="46"/>
      <c r="C474" s="61"/>
      <c r="D474" s="85"/>
      <c r="E474" s="49" t="s">
        <v>124</v>
      </c>
      <c r="F474" s="50"/>
      <c r="G474" s="62"/>
      <c r="H474" s="199"/>
      <c r="I474" s="200"/>
      <c r="J474" s="77"/>
      <c r="K474" s="77"/>
      <c r="L474" s="77"/>
      <c r="M474" s="200"/>
      <c r="N474" s="77"/>
      <c r="O474" s="77"/>
      <c r="P474" s="77"/>
      <c r="Q474" s="78"/>
      <c r="R474" s="78"/>
      <c r="S474" s="78"/>
      <c r="T474" s="78"/>
      <c r="U474" s="78"/>
      <c r="V474" s="78"/>
      <c r="W474" s="78"/>
      <c r="X474" s="78"/>
      <c r="Y474" s="78"/>
      <c r="Z474" s="78"/>
      <c r="AA474" s="78"/>
      <c r="AB474" s="78"/>
      <c r="AC474" s="78"/>
      <c r="AD474" s="78"/>
      <c r="AE474" s="78"/>
      <c r="AF474" s="79"/>
    </row>
    <row r="475" spans="1:32" ht="18.75" customHeight="1" x14ac:dyDescent="0.4">
      <c r="A475" s="45"/>
      <c r="B475" s="46"/>
      <c r="C475" s="61"/>
      <c r="D475" s="50"/>
      <c r="F475" s="50"/>
      <c r="G475" s="62"/>
      <c r="H475" s="201" t="s">
        <v>116</v>
      </c>
      <c r="I475" s="53" t="s">
        <v>11</v>
      </c>
      <c r="J475" s="54" t="s">
        <v>25</v>
      </c>
      <c r="K475" s="55"/>
      <c r="L475" s="57" t="s">
        <v>11</v>
      </c>
      <c r="M475" s="54" t="s">
        <v>26</v>
      </c>
      <c r="N475" s="89"/>
      <c r="O475" s="54"/>
      <c r="P475" s="54"/>
      <c r="Q475" s="54"/>
      <c r="R475" s="54"/>
      <c r="S475" s="54"/>
      <c r="T475" s="54"/>
      <c r="U475" s="54"/>
      <c r="V475" s="54"/>
      <c r="W475" s="54"/>
      <c r="X475" s="54"/>
      <c r="Y475" s="54"/>
      <c r="Z475" s="54"/>
      <c r="AA475" s="54"/>
      <c r="AB475" s="54"/>
      <c r="AC475" s="54"/>
      <c r="AD475" s="54"/>
      <c r="AE475" s="54"/>
      <c r="AF475" s="90"/>
    </row>
    <row r="476" spans="1:32" ht="18.75" customHeight="1" x14ac:dyDescent="0.4">
      <c r="A476" s="45"/>
      <c r="B476" s="46"/>
      <c r="C476" s="61"/>
      <c r="D476" s="50"/>
      <c r="E476" s="49"/>
      <c r="F476" s="50"/>
      <c r="G476" s="62"/>
      <c r="H476" s="81" t="s">
        <v>43</v>
      </c>
      <c r="I476" s="53" t="s">
        <v>11</v>
      </c>
      <c r="J476" s="54" t="s">
        <v>25</v>
      </c>
      <c r="K476" s="55"/>
      <c r="L476" s="57" t="s">
        <v>11</v>
      </c>
      <c r="M476" s="54" t="s">
        <v>33</v>
      </c>
      <c r="N476" s="54"/>
      <c r="O476" s="82" t="s">
        <v>11</v>
      </c>
      <c r="P476" s="83" t="s">
        <v>34</v>
      </c>
      <c r="Q476" s="54"/>
      <c r="R476" s="54"/>
      <c r="S476" s="55"/>
      <c r="T476" s="54"/>
      <c r="U476" s="55"/>
      <c r="V476" s="55"/>
      <c r="W476" s="55"/>
      <c r="X476" s="55"/>
      <c r="Y476" s="54"/>
      <c r="Z476" s="54"/>
      <c r="AA476" s="54"/>
      <c r="AB476" s="54"/>
      <c r="AC476" s="54"/>
      <c r="AD476" s="54"/>
      <c r="AE476" s="54"/>
      <c r="AF476" s="90"/>
    </row>
    <row r="477" spans="1:32" ht="18.75" customHeight="1" x14ac:dyDescent="0.4">
      <c r="A477" s="96"/>
      <c r="B477" s="97"/>
      <c r="C477" s="205"/>
      <c r="D477" s="99"/>
      <c r="E477" s="41"/>
      <c r="F477" s="99"/>
      <c r="G477" s="206"/>
      <c r="H477" s="101" t="s">
        <v>97</v>
      </c>
      <c r="I477" s="53" t="s">
        <v>11</v>
      </c>
      <c r="J477" s="54" t="s">
        <v>25</v>
      </c>
      <c r="K477" s="55"/>
      <c r="L477" s="57" t="s">
        <v>11</v>
      </c>
      <c r="M477" s="54" t="s">
        <v>26</v>
      </c>
      <c r="N477" s="89"/>
      <c r="O477" s="103"/>
      <c r="P477" s="103"/>
      <c r="Q477" s="103"/>
      <c r="R477" s="103"/>
      <c r="S477" s="103"/>
      <c r="T477" s="103"/>
      <c r="U477" s="103"/>
      <c r="V477" s="103"/>
      <c r="W477" s="103"/>
      <c r="X477" s="103"/>
      <c r="Y477" s="103"/>
      <c r="Z477" s="103"/>
      <c r="AA477" s="103"/>
      <c r="AB477" s="103"/>
      <c r="AC477" s="103"/>
      <c r="AD477" s="103"/>
      <c r="AE477" s="103"/>
      <c r="AF477" s="208"/>
    </row>
    <row r="478" spans="1:32" ht="18.75" customHeight="1" x14ac:dyDescent="0.15">
      <c r="A478" s="19"/>
      <c r="B478" s="245"/>
      <c r="D478" s="85"/>
      <c r="E478" s="49"/>
      <c r="F478" s="125"/>
      <c r="G478" s="126"/>
      <c r="H478" s="231" t="s">
        <v>222</v>
      </c>
      <c r="I478" s="128" t="s">
        <v>11</v>
      </c>
      <c r="J478" s="110" t="s">
        <v>25</v>
      </c>
      <c r="K478" s="110"/>
      <c r="L478" s="129"/>
      <c r="M478" s="130" t="s">
        <v>11</v>
      </c>
      <c r="N478" s="110" t="s">
        <v>71</v>
      </c>
      <c r="O478" s="110"/>
      <c r="P478" s="129"/>
      <c r="Q478" s="130" t="s">
        <v>11</v>
      </c>
      <c r="R478" s="131" t="s">
        <v>72</v>
      </c>
      <c r="S478" s="131"/>
      <c r="T478" s="131"/>
      <c r="U478" s="131"/>
      <c r="V478" s="110"/>
      <c r="W478" s="110"/>
      <c r="X478" s="110"/>
      <c r="Y478" s="110"/>
      <c r="Z478" s="110"/>
      <c r="AA478" s="110"/>
      <c r="AB478" s="110"/>
      <c r="AC478" s="110"/>
      <c r="AD478" s="110"/>
      <c r="AE478" s="110"/>
      <c r="AF478" s="232"/>
    </row>
    <row r="479" spans="1:32" s="241" customFormat="1" ht="19.5" customHeight="1" x14ac:dyDescent="0.15">
      <c r="A479" s="238"/>
      <c r="C479" s="61" t="s">
        <v>218</v>
      </c>
      <c r="D479" s="85" t="s">
        <v>11</v>
      </c>
      <c r="E479" s="49" t="s">
        <v>243</v>
      </c>
      <c r="H479" s="88" t="s">
        <v>20</v>
      </c>
      <c r="I479" s="53" t="s">
        <v>11</v>
      </c>
      <c r="J479" s="54" t="s">
        <v>21</v>
      </c>
      <c r="K479" s="55"/>
      <c r="L479" s="56"/>
      <c r="M479" s="57" t="s">
        <v>11</v>
      </c>
      <c r="N479" s="54" t="s">
        <v>22</v>
      </c>
      <c r="O479" s="57"/>
      <c r="P479" s="54"/>
      <c r="Q479" s="58"/>
      <c r="R479" s="58"/>
      <c r="S479" s="58"/>
      <c r="T479" s="58"/>
      <c r="U479" s="58"/>
      <c r="V479" s="58"/>
      <c r="W479" s="58"/>
      <c r="X479" s="58"/>
      <c r="Y479" s="58"/>
      <c r="Z479" s="58"/>
      <c r="AA479" s="58"/>
      <c r="AB479" s="58"/>
      <c r="AC479" s="58"/>
      <c r="AD479" s="58"/>
      <c r="AE479" s="58"/>
      <c r="AF479" s="195"/>
    </row>
    <row r="480" spans="1:32" ht="18.75" customHeight="1" x14ac:dyDescent="0.4">
      <c r="A480" s="85" t="s">
        <v>11</v>
      </c>
      <c r="B480" s="46">
        <v>69</v>
      </c>
      <c r="C480" s="61" t="s">
        <v>244</v>
      </c>
      <c r="D480" s="85" t="s">
        <v>11</v>
      </c>
      <c r="E480" s="49" t="s">
        <v>221</v>
      </c>
      <c r="F480" s="50"/>
      <c r="G480" s="62"/>
      <c r="H480" s="246" t="s">
        <v>73</v>
      </c>
      <c r="I480" s="93" t="s">
        <v>11</v>
      </c>
      <c r="J480" s="83" t="s">
        <v>21</v>
      </c>
      <c r="K480" s="73"/>
      <c r="L480" s="163"/>
      <c r="M480" s="82" t="s">
        <v>11</v>
      </c>
      <c r="N480" s="83" t="s">
        <v>22</v>
      </c>
      <c r="O480" s="82"/>
      <c r="P480" s="83"/>
      <c r="Q480" s="94"/>
      <c r="R480" s="94"/>
      <c r="S480" s="94"/>
      <c r="T480" s="94"/>
      <c r="U480" s="94"/>
      <c r="V480" s="94"/>
      <c r="W480" s="94"/>
      <c r="X480" s="94"/>
      <c r="Y480" s="94"/>
      <c r="Z480" s="94"/>
      <c r="AA480" s="94"/>
      <c r="AB480" s="94"/>
      <c r="AC480" s="94"/>
      <c r="AD480" s="94"/>
      <c r="AE480" s="94"/>
      <c r="AF480" s="247"/>
    </row>
    <row r="481" spans="1:32" ht="18.75" customHeight="1" x14ac:dyDescent="0.15">
      <c r="A481" s="45"/>
      <c r="B481" s="46"/>
      <c r="C481" s="61" t="s">
        <v>127</v>
      </c>
      <c r="D481" s="241"/>
      <c r="E481" s="240" t="s">
        <v>124</v>
      </c>
      <c r="F481" s="50"/>
      <c r="G481" s="62"/>
      <c r="H481" s="248" t="s">
        <v>60</v>
      </c>
      <c r="I481" s="249" t="s">
        <v>11</v>
      </c>
      <c r="J481" s="250" t="s">
        <v>29</v>
      </c>
      <c r="K481" s="250"/>
      <c r="L481" s="250"/>
      <c r="M481" s="249" t="s">
        <v>11</v>
      </c>
      <c r="N481" s="250" t="s">
        <v>30</v>
      </c>
      <c r="O481" s="250"/>
      <c r="P481" s="250"/>
      <c r="Q481" s="251"/>
      <c r="R481" s="251"/>
      <c r="S481" s="251"/>
      <c r="T481" s="251"/>
      <c r="U481" s="251"/>
      <c r="V481" s="251"/>
      <c r="W481" s="251"/>
      <c r="X481" s="251"/>
      <c r="Y481" s="251"/>
      <c r="Z481" s="251"/>
      <c r="AA481" s="251"/>
      <c r="AB481" s="251"/>
      <c r="AC481" s="251"/>
      <c r="AD481" s="251"/>
      <c r="AE481" s="251"/>
      <c r="AF481" s="20"/>
    </row>
    <row r="482" spans="1:32" ht="18.75" customHeight="1" x14ac:dyDescent="0.15">
      <c r="A482" s="96"/>
      <c r="B482" s="97"/>
      <c r="C482" s="205"/>
      <c r="D482" s="252"/>
      <c r="E482" s="253"/>
      <c r="F482" s="99"/>
      <c r="G482" s="206"/>
      <c r="H482" s="254"/>
      <c r="I482" s="244"/>
      <c r="J482" s="243"/>
      <c r="K482" s="243"/>
      <c r="L482" s="243"/>
      <c r="M482" s="244"/>
      <c r="N482" s="243"/>
      <c r="O482" s="243"/>
      <c r="P482" s="243"/>
      <c r="Q482" s="193"/>
      <c r="R482" s="193"/>
      <c r="S482" s="193"/>
      <c r="T482" s="193"/>
      <c r="U482" s="193"/>
      <c r="V482" s="193"/>
      <c r="W482" s="193"/>
      <c r="X482" s="193"/>
      <c r="Y482" s="193"/>
      <c r="Z482" s="193"/>
      <c r="AA482" s="193"/>
      <c r="AB482" s="193"/>
      <c r="AC482" s="193"/>
      <c r="AD482" s="193"/>
      <c r="AE482" s="193"/>
      <c r="AF482" s="35"/>
    </row>
    <row r="483" spans="1:32" ht="8.25" customHeight="1" x14ac:dyDescent="0.4">
      <c r="C483" s="67"/>
      <c r="D483" s="67"/>
      <c r="AF483" s="144"/>
    </row>
    <row r="484" spans="1:32" ht="20.25" customHeight="1" x14ac:dyDescent="0.15">
      <c r="A484" s="255"/>
      <c r="B484" s="255"/>
      <c r="C484" s="67" t="s">
        <v>245</v>
      </c>
      <c r="D484" s="67"/>
      <c r="E484" s="240"/>
      <c r="F484" s="240"/>
      <c r="G484" s="241"/>
      <c r="H484" s="240"/>
      <c r="I484" s="240"/>
      <c r="J484" s="240"/>
      <c r="K484" s="240"/>
      <c r="L484" s="240"/>
      <c r="M484" s="240"/>
      <c r="N484" s="240"/>
      <c r="O484" s="240"/>
      <c r="P484" s="240"/>
      <c r="Q484" s="240"/>
      <c r="R484" s="240"/>
      <c r="S484" s="240"/>
      <c r="T484" s="240"/>
      <c r="U484" s="240"/>
      <c r="V484" s="240"/>
    </row>
    <row r="485" spans="1:32" ht="20.25" customHeight="1" x14ac:dyDescent="0.4"/>
    <row r="486" spans="1:32" ht="20.25" customHeight="1" x14ac:dyDescent="0.4"/>
    <row r="487" spans="1:32" ht="20.25" customHeight="1" x14ac:dyDescent="0.4"/>
    <row r="488" spans="1:32" ht="20.25" customHeight="1" x14ac:dyDescent="0.4"/>
    <row r="489" spans="1:32" ht="20.25" customHeight="1" x14ac:dyDescent="0.4"/>
    <row r="490" spans="1:32" ht="20.25" customHeight="1" x14ac:dyDescent="0.4"/>
    <row r="491" spans="1:32" ht="20.25" customHeight="1" x14ac:dyDescent="0.4"/>
    <row r="492" spans="1:32" ht="20.25" customHeight="1" x14ac:dyDescent="0.4"/>
    <row r="493" spans="1:32" ht="20.25" customHeight="1" x14ac:dyDescent="0.4"/>
    <row r="494" spans="1:32" ht="20.25" customHeight="1" x14ac:dyDescent="0.4"/>
    <row r="495" spans="1:32" ht="20.25" customHeight="1" x14ac:dyDescent="0.4"/>
    <row r="496" spans="1:32" ht="20.25" customHeight="1" x14ac:dyDescent="0.4"/>
    <row r="497" ht="20.25" customHeight="1" x14ac:dyDescent="0.4"/>
    <row r="498" ht="20.25" customHeight="1" x14ac:dyDescent="0.4"/>
    <row r="499" ht="20.25" customHeight="1" x14ac:dyDescent="0.4"/>
    <row r="500" ht="20.25" customHeight="1" x14ac:dyDescent="0.4"/>
    <row r="501" ht="20.25" customHeight="1" x14ac:dyDescent="0.4"/>
    <row r="502" ht="20.25" customHeight="1" x14ac:dyDescent="0.4"/>
    <row r="503" ht="20.25" customHeight="1" x14ac:dyDescent="0.4"/>
    <row r="504" ht="20.25" customHeight="1" x14ac:dyDescent="0.4"/>
    <row r="505" ht="20.25" customHeight="1" x14ac:dyDescent="0.4"/>
    <row r="506" ht="20.25" customHeight="1" x14ac:dyDescent="0.4"/>
    <row r="507" ht="20.25" customHeight="1" x14ac:dyDescent="0.4"/>
    <row r="508" ht="20.25" customHeight="1" x14ac:dyDescent="0.4"/>
    <row r="509" ht="20.25" customHeight="1" x14ac:dyDescent="0.4"/>
    <row r="510" ht="20.25" customHeight="1" x14ac:dyDescent="0.4"/>
    <row r="511" ht="20.25" customHeight="1" x14ac:dyDescent="0.4"/>
    <row r="512" ht="20.25" customHeight="1" x14ac:dyDescent="0.4"/>
    <row r="513" ht="20.25" customHeight="1" x14ac:dyDescent="0.4"/>
    <row r="514" ht="20.25" customHeight="1" x14ac:dyDescent="0.4"/>
    <row r="515" ht="20.25" customHeight="1" x14ac:dyDescent="0.4"/>
    <row r="516" ht="20.25" customHeight="1" x14ac:dyDescent="0.4"/>
    <row r="517" ht="20.25" customHeight="1" x14ac:dyDescent="0.4"/>
    <row r="518" ht="20.25" customHeight="1" x14ac:dyDescent="0.4"/>
    <row r="519" ht="20.25" customHeight="1" x14ac:dyDescent="0.4"/>
    <row r="520" ht="20.25" customHeight="1" x14ac:dyDescent="0.4"/>
    <row r="521" ht="20.25" customHeight="1" x14ac:dyDescent="0.4"/>
    <row r="522" ht="20.25" customHeight="1" x14ac:dyDescent="0.4"/>
    <row r="523" ht="20.25" customHeight="1" x14ac:dyDescent="0.4"/>
    <row r="524" ht="20.25" customHeight="1" x14ac:dyDescent="0.4"/>
    <row r="525" ht="20.25" customHeight="1" x14ac:dyDescent="0.4"/>
    <row r="526" ht="20.25" customHeight="1" x14ac:dyDescent="0.4"/>
    <row r="527" ht="20.25" customHeight="1" x14ac:dyDescent="0.4"/>
    <row r="528" ht="20.25" customHeight="1" x14ac:dyDescent="0.4"/>
    <row r="529" ht="20.25" customHeight="1" x14ac:dyDescent="0.4"/>
    <row r="530" ht="20.25" customHeight="1" x14ac:dyDescent="0.4"/>
    <row r="531" ht="20.25" customHeight="1" x14ac:dyDescent="0.4"/>
    <row r="532" ht="20.25" customHeight="1" x14ac:dyDescent="0.4"/>
    <row r="533" ht="20.25" customHeight="1" x14ac:dyDescent="0.4"/>
    <row r="534" ht="20.25" customHeight="1" x14ac:dyDescent="0.4"/>
    <row r="535" ht="20.25" customHeight="1" x14ac:dyDescent="0.4"/>
    <row r="536" ht="20.25" customHeight="1" x14ac:dyDescent="0.4"/>
    <row r="537" ht="20.25" customHeight="1" x14ac:dyDescent="0.4"/>
    <row r="538" ht="20.25" customHeight="1" x14ac:dyDescent="0.4"/>
    <row r="539" ht="20.25" customHeight="1" x14ac:dyDescent="0.4"/>
    <row r="540" ht="20.25" customHeight="1" x14ac:dyDescent="0.4"/>
    <row r="541" ht="20.25" customHeight="1" x14ac:dyDescent="0.4"/>
    <row r="542" ht="20.25" customHeight="1" x14ac:dyDescent="0.4"/>
    <row r="543" ht="20.25" customHeight="1" x14ac:dyDescent="0.4"/>
    <row r="544" ht="20.25" customHeight="1" x14ac:dyDescent="0.4"/>
    <row r="545" ht="20.25" customHeight="1" x14ac:dyDescent="0.4"/>
    <row r="546" ht="20.25" customHeight="1" x14ac:dyDescent="0.4"/>
    <row r="547" ht="20.25" customHeight="1" x14ac:dyDescent="0.4"/>
    <row r="548" ht="20.25" customHeight="1" x14ac:dyDescent="0.4"/>
    <row r="549" ht="20.25" customHeight="1" x14ac:dyDescent="0.4"/>
    <row r="550" ht="20.25" customHeight="1" x14ac:dyDescent="0.4"/>
    <row r="551" ht="20.25" customHeight="1" x14ac:dyDescent="0.4"/>
    <row r="552" ht="20.25" customHeight="1" x14ac:dyDescent="0.4"/>
    <row r="553" ht="20.25" customHeight="1" x14ac:dyDescent="0.4"/>
    <row r="554" ht="20.25" customHeight="1" x14ac:dyDescent="0.4"/>
    <row r="555" ht="20.25" customHeight="1" x14ac:dyDescent="0.4"/>
    <row r="556" ht="20.25" customHeight="1" x14ac:dyDescent="0.4"/>
    <row r="557" ht="20.25" customHeight="1" x14ac:dyDescent="0.4"/>
    <row r="558" ht="20.25" customHeight="1" x14ac:dyDescent="0.4"/>
    <row r="559" ht="20.25" customHeight="1" x14ac:dyDescent="0.4"/>
    <row r="560" ht="20.25" customHeight="1" x14ac:dyDescent="0.4"/>
    <row r="561" ht="20.25" customHeight="1" x14ac:dyDescent="0.4"/>
    <row r="562" ht="20.25" customHeight="1" x14ac:dyDescent="0.4"/>
    <row r="563" ht="20.25" customHeight="1" x14ac:dyDescent="0.4"/>
    <row r="564" ht="20.25" customHeight="1" x14ac:dyDescent="0.4"/>
    <row r="565" ht="20.25" customHeight="1" x14ac:dyDescent="0.4"/>
    <row r="566" ht="20.25" customHeight="1" x14ac:dyDescent="0.4"/>
    <row r="567" ht="20.25" customHeight="1" x14ac:dyDescent="0.4"/>
    <row r="568" ht="20.25" customHeight="1" x14ac:dyDescent="0.4"/>
    <row r="569" ht="20.25" customHeight="1" x14ac:dyDescent="0.4"/>
    <row r="570" ht="20.25" customHeight="1" x14ac:dyDescent="0.4"/>
    <row r="571" ht="20.25" customHeight="1" x14ac:dyDescent="0.4"/>
    <row r="572" ht="20.25" customHeight="1" x14ac:dyDescent="0.4"/>
    <row r="573" ht="20.25" customHeight="1" x14ac:dyDescent="0.4"/>
    <row r="574" ht="20.25" customHeight="1" x14ac:dyDescent="0.4"/>
  </sheetData>
  <mergeCells count="205">
    <mergeCell ref="H481:H482"/>
    <mergeCell ref="I481:I482"/>
    <mergeCell ref="J481:L482"/>
    <mergeCell ref="M481:M482"/>
    <mergeCell ref="N481:P482"/>
    <mergeCell ref="H456:H457"/>
    <mergeCell ref="I456:I457"/>
    <mergeCell ref="J456:L457"/>
    <mergeCell ref="M456:M457"/>
    <mergeCell ref="N456:P457"/>
    <mergeCell ref="H473:H474"/>
    <mergeCell ref="I473:I474"/>
    <mergeCell ref="J473:L474"/>
    <mergeCell ref="M473:M474"/>
    <mergeCell ref="N473:P474"/>
    <mergeCell ref="H430:H431"/>
    <mergeCell ref="I430:I431"/>
    <mergeCell ref="J430:L431"/>
    <mergeCell ref="M430:M431"/>
    <mergeCell ref="N430:P431"/>
    <mergeCell ref="H438:H439"/>
    <mergeCell ref="I438:I439"/>
    <mergeCell ref="J438:L439"/>
    <mergeCell ref="M438:M439"/>
    <mergeCell ref="N438:P439"/>
    <mergeCell ref="H388:H389"/>
    <mergeCell ref="I388:I389"/>
    <mergeCell ref="J388:K389"/>
    <mergeCell ref="L388:L389"/>
    <mergeCell ref="M388:N389"/>
    <mergeCell ref="H418:H419"/>
    <mergeCell ref="I418:I419"/>
    <mergeCell ref="J418:L419"/>
    <mergeCell ref="M418:M419"/>
    <mergeCell ref="N418:P419"/>
    <mergeCell ref="H384:H385"/>
    <mergeCell ref="I384:I385"/>
    <mergeCell ref="J384:K385"/>
    <mergeCell ref="L384:L385"/>
    <mergeCell ref="M384:N385"/>
    <mergeCell ref="H386:H387"/>
    <mergeCell ref="I386:I387"/>
    <mergeCell ref="J386:K387"/>
    <mergeCell ref="L386:L387"/>
    <mergeCell ref="M386:N387"/>
    <mergeCell ref="H375:H376"/>
    <mergeCell ref="I375:I376"/>
    <mergeCell ref="J375:L376"/>
    <mergeCell ref="M375:M376"/>
    <mergeCell ref="N375:P376"/>
    <mergeCell ref="H382:H383"/>
    <mergeCell ref="I382:I383"/>
    <mergeCell ref="J382:K383"/>
    <mergeCell ref="L382:L383"/>
    <mergeCell ref="M382:N383"/>
    <mergeCell ref="N362:P363"/>
    <mergeCell ref="H364:H365"/>
    <mergeCell ref="I364:I365"/>
    <mergeCell ref="J364:L365"/>
    <mergeCell ref="M364:M365"/>
    <mergeCell ref="N364:P365"/>
    <mergeCell ref="A358:C359"/>
    <mergeCell ref="H358:H359"/>
    <mergeCell ref="H362:H363"/>
    <mergeCell ref="I362:I363"/>
    <mergeCell ref="J362:L363"/>
    <mergeCell ref="M362:M363"/>
    <mergeCell ref="A353:AF353"/>
    <mergeCell ref="S355:V355"/>
    <mergeCell ref="A357:C357"/>
    <mergeCell ref="D357:E357"/>
    <mergeCell ref="F357:G357"/>
    <mergeCell ref="H357:AF357"/>
    <mergeCell ref="H322:H323"/>
    <mergeCell ref="I322:I323"/>
    <mergeCell ref="J322:K323"/>
    <mergeCell ref="L322:L323"/>
    <mergeCell ref="M322:N323"/>
    <mergeCell ref="H341:H342"/>
    <mergeCell ref="I341:I342"/>
    <mergeCell ref="J341:K342"/>
    <mergeCell ref="L341:L342"/>
    <mergeCell ref="M341:N342"/>
    <mergeCell ref="H297:H298"/>
    <mergeCell ref="I297:I298"/>
    <mergeCell ref="J297:L298"/>
    <mergeCell ref="M297:M298"/>
    <mergeCell ref="N297:P298"/>
    <mergeCell ref="H310:H311"/>
    <mergeCell ref="I310:I311"/>
    <mergeCell ref="J310:L311"/>
    <mergeCell ref="M310:M311"/>
    <mergeCell ref="N310:P311"/>
    <mergeCell ref="H268:H269"/>
    <mergeCell ref="I268:I269"/>
    <mergeCell ref="J268:L269"/>
    <mergeCell ref="M268:M269"/>
    <mergeCell ref="N268:P269"/>
    <mergeCell ref="H278:H280"/>
    <mergeCell ref="I278:I280"/>
    <mergeCell ref="J278:K280"/>
    <mergeCell ref="L278:L280"/>
    <mergeCell ref="M278:N280"/>
    <mergeCell ref="H207:H208"/>
    <mergeCell ref="I207:I208"/>
    <mergeCell ref="J207:K208"/>
    <mergeCell ref="L207:L208"/>
    <mergeCell ref="M207:N208"/>
    <mergeCell ref="H243:H244"/>
    <mergeCell ref="I243:I244"/>
    <mergeCell ref="J243:L244"/>
    <mergeCell ref="M243:M244"/>
    <mergeCell ref="N243:P244"/>
    <mergeCell ref="H199:H200"/>
    <mergeCell ref="I199:I200"/>
    <mergeCell ref="J199:K200"/>
    <mergeCell ref="L199:L200"/>
    <mergeCell ref="M199:N200"/>
    <mergeCell ref="H202:H203"/>
    <mergeCell ref="I202:I203"/>
    <mergeCell ref="J202:K203"/>
    <mergeCell ref="L202:L203"/>
    <mergeCell ref="M202:N203"/>
    <mergeCell ref="H162:H163"/>
    <mergeCell ref="I162:I163"/>
    <mergeCell ref="J162:K163"/>
    <mergeCell ref="L162:L163"/>
    <mergeCell ref="M162:N163"/>
    <mergeCell ref="H192:H193"/>
    <mergeCell ref="H122:H123"/>
    <mergeCell ref="I122:I123"/>
    <mergeCell ref="J122:K123"/>
    <mergeCell ref="L122:L123"/>
    <mergeCell ref="M122:N123"/>
    <mergeCell ref="H144:H145"/>
    <mergeCell ref="I144:I145"/>
    <mergeCell ref="J144:K145"/>
    <mergeCell ref="L144:L145"/>
    <mergeCell ref="M144:N145"/>
    <mergeCell ref="H93:H94"/>
    <mergeCell ref="I93:I94"/>
    <mergeCell ref="J93:L94"/>
    <mergeCell ref="M93:M94"/>
    <mergeCell ref="N93:P94"/>
    <mergeCell ref="H110:H111"/>
    <mergeCell ref="I110:I111"/>
    <mergeCell ref="J110:L111"/>
    <mergeCell ref="M110:M111"/>
    <mergeCell ref="N110:P111"/>
    <mergeCell ref="H64:H66"/>
    <mergeCell ref="H73:H75"/>
    <mergeCell ref="I73:I75"/>
    <mergeCell ref="J73:K75"/>
    <mergeCell ref="L73:L75"/>
    <mergeCell ref="M73:N75"/>
    <mergeCell ref="J49:K49"/>
    <mergeCell ref="M49:N49"/>
    <mergeCell ref="H50:H51"/>
    <mergeCell ref="I50:I51"/>
    <mergeCell ref="J50:K51"/>
    <mergeCell ref="L50:L51"/>
    <mergeCell ref="M50:N51"/>
    <mergeCell ref="H45:H46"/>
    <mergeCell ref="I45:I46"/>
    <mergeCell ref="J45:K46"/>
    <mergeCell ref="L45:L46"/>
    <mergeCell ref="M45:N46"/>
    <mergeCell ref="H47:H48"/>
    <mergeCell ref="I47:I48"/>
    <mergeCell ref="J47:K48"/>
    <mergeCell ref="L47:L48"/>
    <mergeCell ref="M47:N48"/>
    <mergeCell ref="H32:H34"/>
    <mergeCell ref="H41:H43"/>
    <mergeCell ref="I41:I43"/>
    <mergeCell ref="J41:K43"/>
    <mergeCell ref="L41:L43"/>
    <mergeCell ref="M41:N43"/>
    <mergeCell ref="H14:H15"/>
    <mergeCell ref="I14:I15"/>
    <mergeCell ref="J14:L15"/>
    <mergeCell ref="M14:M15"/>
    <mergeCell ref="N14:P15"/>
    <mergeCell ref="H29:H30"/>
    <mergeCell ref="I29:I30"/>
    <mergeCell ref="J29:L30"/>
    <mergeCell ref="M29:M30"/>
    <mergeCell ref="N29:P30"/>
    <mergeCell ref="A8:C9"/>
    <mergeCell ref="H8:H9"/>
    <mergeCell ref="Y8:AB9"/>
    <mergeCell ref="AC8:AF9"/>
    <mergeCell ref="H12:H13"/>
    <mergeCell ref="I12:I13"/>
    <mergeCell ref="J12:L13"/>
    <mergeCell ref="M12:M13"/>
    <mergeCell ref="N12:P13"/>
    <mergeCell ref="A3:AF3"/>
    <mergeCell ref="S5:V5"/>
    <mergeCell ref="A7:C7"/>
    <mergeCell ref="D7:E7"/>
    <mergeCell ref="F7:G7"/>
    <mergeCell ref="H7:X7"/>
    <mergeCell ref="Y7:AB7"/>
    <mergeCell ref="AC7:AF7"/>
  </mergeCells>
  <phoneticPr fontId="3"/>
  <dataValidations count="1">
    <dataValidation type="list" allowBlank="1" showInputMessage="1" showErrorMessage="1" sqref="Q8:Q9 U8:U9 L11 M12:M15 M17 D418:D420 O26 L31:L32 O31 R32 A472 L28 U440 O440 R440 O300 O476 M76 O77:O78 L92 O97 R97 Q107 L122:L125 T128:T129 O124 M126 P128:P129 Y140:Y141 O146 Y157:Y158 Q157 O164 O170 M191:M192 Q192 L199:L208 M209 M221 L210:L220 O223:O224 O216 O220 Q206 A418:A420 D472:D474 Q453 D454:D455 M453:M461 A464 L73 M478:M482 D478:D480 M38:M40 Q293 L296 L322:L325 O324 M326 Y337:Y338 O343 O10 Y117:Y118 AC140:AC141 AC157:AC158 Y191:Y192 Q70 Y317:Y318 AC337:AC338 AC117:AC118 AC191:AC192 AC317:AC318 A344 D78:D80 D98:D99 D128:D131 T148:T149 A167 D210:D211 D213:D214 O71:O72 R303:R305 AC70:AC72 F211:F212 Q478 A78 A98 A31 A212 Y70:Y72 Q89 D299:D300 A147 D326:D329 Q358:Q359 U358:U359 L361 M367 M362:M365 L374 L417 L435 L437 L440:L443 L472 Q380 Q432 Q458 O369:O370 O391 O406:O407 O462:O463 Q404 O415:O416 Q469 O393 O448 P394 O422 R422 M436 M414:M416 D438:D439 A462 A480 D408:D410 D390 D374:D375 D31:D32 A374 A390 A408 A439 A455:A456 M93:M94 R167 M167 T167 O167:P167 O182:P182 R182 T182 O148:P148 R148:R149 O327:O328 D17:D18 A110:A112 S149 U129:W129 O128:O131 R128:R129 Q129 S129 D147:D150 U149:W149 O19:O20 L366 L462:L468 M307:M311 L341:L351 O90:O91 O366 M469:M471 O149:Q149 D230:D232 A232 A326 L16 O16 A128 D343:D346 L299:L306 D365:D366 A365 O120:O121 O142:O143 O180:O181 AC179:AC181 Y179:Y181 Q179 M194:M198 Y89:Y91 AC89:AC91 M89:M91 L95:L106 M107:M111 AC107:AC109 AC293:AC295 Y293:Y295 O294:O295 O308:O309 AC307:AC309 Y307:Y309 Q307 O320:O321 R348:R350 O339:O340 O360 L377 L406:L413 M444 L420:L426 M337:M340 R22:R24 O22:O24 A17 R85:R87 O85:O87 L77:L88 L368:L371 R103:R105 O102:O105 R113:R115 O112:O115 L112:L116 O135:O138 L127:L139 R136:R138 O152:O155 L144:L156 R153:R155 D167:D172 L161:L178 O174:O177 R175:R177 R187:R189 A184 D184:D187 L182:L190 O186:O189 O232:O235 L222:L236 R233:R235 L35:L37 R35:R36 WVT426 I281:I351 I44:I73 O302:O305 A299 R313:R315 L312:L316 O312:O315 O332:O335 L327:L336 R333:R335 L45:L64 O347:O350 D462:D465 AC10:AC11 M8:M10 Y10:Y11 L475:L477 Y107:Y109 O108:O109 M117:M121 M140:M143 M157:M160 O159:O161 M179:M182 O197:O198 JH270:JH274 X211 M293:M295 M317:M321 M358:M360 O377:O379 M378:M381 O402:O403 M401:M405 M427:M434 O433:O434 O450 O454:O455 O459:O460 O470:O471 O479:O480 WVQ401 M26:M27 Y26:Y27 AC26:AC27 M372:M373 WBY281:WBY292 O100 R95 M29:M30 U95 O95 O210:O211 WLU281:WLU292 WVQ281:WVQ292 O372 L18:L25 Q414 U420 O420 R420 T65 Q38 M44 O53 O56 P57 R64 A56 O39:O40 D56:D58 L41 N65 L67:L69 AC55 Y55 Y38:Y40 AC38:AC40 R67:R68 O66:O68 L445:L452 A313 M297:M298 D310:D312 A310 M375:M376 M418:M419 M438:M439 M473:M474 D108:D112 M70:M72 Q237 JM237 TI237 ADE237 ANA237 AWW237 BGS237 BQO237 CAK237 CKG237 CUC237 DDY237 DNU237 DXQ237 EHM237 ERI237 FBE237 FLA237 FUW237 GES237 GOO237 GYK237 HIG237 HSC237 IBY237 ILU237 IVQ237 JFM237 JPI237 JZE237 KJA237 KSW237 LCS237 LMO237 LWK237 MGG237 MQC237 MZY237 NJU237 NTQ237 ODM237 ONI237 OXE237 PHA237 PQW237 QAS237 QKO237 QUK237 REG237 ROC237 RXY237 SHU237 SRQ237 TBM237 TLI237 TVE237 UFA237 UOW237 UYS237 VIO237 VSK237 WCG237 WMC237 WVY237 L240 JH240 TD240 ACZ240 AMV240 AWR240 BGN240 BQJ240 CAF240 CKB240 CTX240 DDT240 DNP240 DXL240 EHH240 ERD240 FAZ240 FKV240 FUR240 GEN240 GOJ240 GYF240 HIB240 HRX240 IBT240 ILP240 IVL240 JFH240 JPD240 JYZ240 KIV240 KSR240 LCN240 LMJ240 LWF240 MGB240 MPX240 MZT240 NJP240 NTL240 ODH240 OND240 OWZ240 PGV240 PQR240 QAN240 QKJ240 QUF240 REB240 RNX240 RXT240 SHP240 SRL240 TBH240 TLD240 TUZ240 UEV240 UOR240 UYN240 VIJ240 VSF240 WCB240 WLX240 WVT240 L242 JH242 TD242 ACZ242 AMV242 AWR242 BGN242 BQJ242 CAF242 CKB242 CTX242 DDT242 DNP242 DXL242 EHH242 ERD242 FAZ242 FKV242 FUR242 GEN242 GOJ242 GYF242 HIB242 HRX242 IBT242 ILP242 IVL242 JFH242 JPD242 JYZ242 KIV242 KSR242 LCN242 LMJ242 LWF242 MGB242 MPX242 MZT242 NJP242 NTL242 ODH242 OND242 OWZ242 PGV242 PQR242 QAN242 QKJ242 QUF242 REB242 RNX242 RXT242 SHP242 SRL242 TBH242 TLD242 TUZ242 UEV242 UOR242 UYN242 VIJ242 VSF242 WCB242 WLX242 WVT242 L245:L249 JH245:JH249 TD245:TD249 ACZ245:ACZ249 AMV245:AMV249 AWR245:AWR249 BGN245:BGN249 BQJ245:BQJ249 CAF245:CAF249 CKB245:CKB249 CTX245:CTX249 DDT245:DDT249 DNP245:DNP249 DXL245:DXL249 EHH245:EHH249 ERD245:ERD249 FAZ245:FAZ249 FKV245:FKV249 FUR245:FUR249 GEN245:GEN249 GOJ245:GOJ249 GYF245:GYF249 HIB245:HIB249 HRX245:HRX249 IBT245:IBT249 ILP245:ILP249 IVL245:IVL249 JFH245:JFH249 JPD245:JPD249 JYZ245:JYZ249 KIV245:KIV249 KSR245:KSR249 LCN245:LCN249 LMJ245:LMJ249 LWF245:LWF249 MGB245:MGB249 MPX245:MPX249 MZT245:MZT249 NJP245:NJP249 NTL245:NTL249 ODH245:ODH249 OND245:OND249 OWZ245:OWZ249 PGV245:PGV249 PQR245:PQR249 QAN245:QAN249 QKJ245:QKJ249 QUF245:QUF249 REB245:REB249 RNX245:RNX249 RXT245:RXT249 SHP245:SHP249 SRL245:SRL249 TBH245:TBH249 TLD245:TLD249 TUZ245:TUZ249 UEV245:UEV249 UOR245:UOR249 UYN245:UYN249 VIJ245:VIJ249 VSF245:VSF249 WCB245:WCB249 WLX245:WLX249 WVT245:WVT249 O254 JK254 TG254 ADC254 AMY254 AWU254 BGQ254 BQM254 CAI254 CKE254 CUA254 DDW254 DNS254 DXO254 EHK254 ERG254 FBC254 FKY254 FUU254 GEQ254 GOM254 GYI254 HIE254 HSA254 IBW254 ILS254 IVO254 JFK254 JPG254 JZC254 KIY254 KSU254 LCQ254 LMM254 LWI254 MGE254 MQA254 MZW254 NJS254 NTO254 ODK254 ONG254 OXC254 PGY254 PQU254 QAQ254 QKM254 QUI254 REE254 ROA254 RXW254 SHS254 SRO254 TBK254 TLG254 TVC254 UEY254 UOU254 UYQ254 VIM254 VSI254 WCE254 WMA254 WVW254 M241 JI241 TE241 ADA241 AMW241 AWS241 BGO241 BQK241 CAG241 CKC241 CTY241 DDU241 DNQ241 DXM241 EHI241 ERE241 FBA241 FKW241 FUS241 GEO241 GOK241 GYG241 HIC241 HRY241 IBU241 ILQ241 IVM241 JFI241 JPE241 JZA241 KIW241 KSS241 LCO241 LMK241 LWG241 MGC241 MPY241 MZU241 NJQ241 NTM241 ODI241 ONE241 OXA241 PGW241 PQS241 QAO241 QKK241 QUG241 REC241 RNY241 RXU241 SHQ241 SRM241 TBI241 TLE241 TVA241 UEW241 UOS241 UYO241 VIK241 VSG241 WCC241 WLY241 WVU241 A252 IW252 SS252 ACO252 AMK252 AWG252 BGC252 BPY252 BZU252 CJQ252 CTM252 DDI252 DNE252 DXA252 EGW252 EQS252 FAO252 FKK252 FUG252 GEC252 GNY252 GXU252 HHQ252 HRM252 IBI252 ILE252 IVA252 JEW252 JOS252 JYO252 KIK252 KSG252 LCC252 LLY252 LVU252 MFQ252 MPM252 MZI252 NJE252 NTA252 OCW252 OMS252 OWO252 PGK252 PQG252 QAC252 QJY252 QTU252 RDQ252 RNM252 RXI252 SHE252 SRA252 TAW252 TKS252 TUO252 UEK252 UOG252 UYC252 VHY252 VRU252 WBQ252 WLM252 WVI252 D251:D252 IZ251:IZ252 SV251:SV252 ACR251:ACR252 AMN251:AMN252 AWJ251:AWJ252 BGF251:BGF252 BQB251:BQB252 BZX251:BZX252 CJT251:CJT252 CTP251:CTP252 DDL251:DDL252 DNH251:DNH252 DXD251:DXD252 EGZ251:EGZ252 EQV251:EQV252 FAR251:FAR252 FKN251:FKN252 FUJ251:FUJ252 GEF251:GEF252 GOB251:GOB252 GXX251:GXX252 HHT251:HHT252 HRP251:HRP252 IBL251:IBL252 ILH251:ILH252 IVD251:IVD252 JEZ251:JEZ252 JOV251:JOV252 JYR251:JYR252 KIN251:KIN252 KSJ251:KSJ252 LCF251:LCF252 LMB251:LMB252 LVX251:LVX252 MFT251:MFT252 MPP251:MPP252 MZL251:MZL252 NJH251:NJH252 NTD251:NTD252 OCZ251:OCZ252 OMV251:OMV252 OWR251:OWR252 PGN251:PGN252 PQJ251:PQJ252 QAF251:QAF252 QKB251:QKB252 QTX251:QTX252 RDT251:RDT252 RNP251:RNP252 RXL251:RXL252 SHH251:SHH252 SRD251:SRD252 TAZ251:TAZ252 TKV251:TKV252 TUR251:TUR252 UEN251:UEN252 UOJ251:UOJ252 UYF251:UYF252 VIB251:VIB252 VRX251:VRX252 WBT251:WBT252 WLP251:WLP252 WVL251:WVL252 L251:L264 JH251:JH264 TD251:TD264 ACZ251:ACZ264 AMV251:AMV264 AWR251:AWR264 BGN251:BGN264 BQJ251:BQJ264 CAF251:CAF264 CKB251:CKB264 CTX251:CTX264 DDT251:DDT264 DNP251:DNP264 DXL251:DXL264 EHH251:EHH264 ERD251:ERD264 FAZ251:FAZ264 FKV251:FKV264 FUR251:FUR264 GEN251:GEN264 GOJ251:GOJ264 GYF251:GYF264 HIB251:HIB264 HRX251:HRX264 IBT251:IBT264 ILP251:ILP264 IVL251:IVL264 JFH251:JFH264 JPD251:JPD264 JYZ251:JYZ264 KIV251:KIV264 KSR251:KSR264 LCN251:LCN264 LMJ251:LMJ264 LWF251:LWF264 MGB251:MGB264 MPX251:MPX264 MZT251:MZT264 NJP251:NJP264 NTL251:NTL264 ODH251:ODH264 OND251:OND264 OWZ251:OWZ264 PGV251:PGV264 PQR251:PQR264 QAN251:QAN264 QKJ251:QKJ264 QUF251:QUF264 REB251:REB264 RNX251:RNX264 RXT251:RXT264 SHP251:SHP264 SRL251:SRL264 TBH251:TBH264 TLD251:TLD264 TUZ251:TUZ264 UEV251:UEV264 UOR251:UOR264 UYN251:UYN264 VIJ251:VIJ264 VSF251:VSF264 WCB251:WCB264 WLX251:WLX264 WVT251:WVT264 M265:M269 JI265:JI269 TE265:TE269 ADA265:ADA269 AMW265:AMW269 AWS265:AWS269 BGO265:BGO269 BQK265:BQK269 CAG265:CAG269 CKC265:CKC269 CTY265:CTY269 DDU265:DDU269 DNQ265:DNQ269 DXM265:DXM269 EHI265:EHI269 ERE265:ERE269 FBA265:FBA269 FKW265:FKW269 FUS265:FUS269 GEO265:GEO269 GOK265:GOK269 GYG265:GYG269 HIC265:HIC269 HRY265:HRY269 IBU265:IBU269 ILQ265:ILQ269 IVM265:IVM269 JFI265:JFI269 JPE265:JPE269 JZA265:JZA269 KIW265:KIW269 KSS265:KSS269 LCO265:LCO269 LMK265:LMK269 LWG265:LWG269 MGC265:MGC269 MPY265:MPY269 MZU265:MZU269 NJQ265:NJQ269 NTM265:NTM269 ODI265:ODI269 ONE265:ONE269 OXA265:OXA269 PGW265:PGW269 PQS265:PQS269 QAO265:QAO269 QKK265:QKK269 QUG265:QUG269 REC265:REC269 RNY265:RNY269 RXU265:RXU269 SHQ265:SHQ269 SRM265:SRM269 TBI265:TBI269 TLE265:TLE269 TVA265:TVA269 UEW265:UEW269 UOS265:UOS269 UYO265:UYO269 VIK265:VIK269 VSG265:VSG269 WCC265:WCC269 WLY265:WLY269 WVU265:WVU269 AC237:AC239 JY237:JY239 TU237:TU239 ADQ237:ADQ239 ANM237:ANM239 AXI237:AXI239 BHE237:BHE239 BRA237:BRA239 CAW237:CAW239 CKS237:CKS239 CUO237:CUO239 DEK237:DEK239 DOG237:DOG239 DYC237:DYC239 EHY237:EHY239 ERU237:ERU239 FBQ237:FBQ239 FLM237:FLM239 FVI237:FVI239 GFE237:GFE239 GPA237:GPA239 GYW237:GYW239 HIS237:HIS239 HSO237:HSO239 ICK237:ICK239 IMG237:IMG239 IWC237:IWC239 JFY237:JFY239 JPU237:JPU239 JZQ237:JZQ239 KJM237:KJM239 KTI237:KTI239 LDE237:LDE239 LNA237:LNA239 LWW237:LWW239 MGS237:MGS239 MQO237:MQO239 NAK237:NAK239 NKG237:NKG239 NUC237:NUC239 ODY237:ODY239 ONU237:ONU239 OXQ237:OXQ239 PHM237:PHM239 PRI237:PRI239 QBE237:QBE239 QLA237:QLA239 QUW237:QUW239 RES237:RES239 ROO237:ROO239 RYK237:RYK239 SIG237:SIG239 SSC237:SSC239 TBY237:TBY239 TLU237:TLU239 TVQ237:TVQ239 UFM237:UFM239 UPI237:UPI239 UZE237:UZE239 VJA237:VJA239 VSW237:VSW239 WCS237:WCS239 WMO237:WMO239 WWK237:WWK239 Y237:Y239 JU237:JU239 TQ237:TQ239 ADM237:ADM239 ANI237:ANI239 AXE237:AXE239 BHA237:BHA239 BQW237:BQW239 CAS237:CAS239 CKO237:CKO239 CUK237:CUK239 DEG237:DEG239 DOC237:DOC239 DXY237:DXY239 EHU237:EHU239 ERQ237:ERQ239 FBM237:FBM239 FLI237:FLI239 FVE237:FVE239 GFA237:GFA239 GOW237:GOW239 GYS237:GYS239 HIO237:HIO239 HSK237:HSK239 ICG237:ICG239 IMC237:IMC239 IVY237:IVY239 JFU237:JFU239 JPQ237:JPQ239 JZM237:JZM239 KJI237:KJI239 KTE237:KTE239 LDA237:LDA239 LMW237:LMW239 LWS237:LWS239 MGO237:MGO239 MQK237:MQK239 NAG237:NAG239 NKC237:NKC239 NTY237:NTY239 ODU237:ODU239 ONQ237:ONQ239 OXM237:OXM239 PHI237:PHI239 PRE237:PRE239 QBA237:QBA239 QKW237:QKW239 QUS237:QUS239 REO237:REO239 ROK237:ROK239 RYG237:RYG239 SIC237:SIC239 SRY237:SRY239 TBU237:TBU239 TLQ237:TLQ239 TVM237:TVM239 UFI237:UFI239 UPE237:UPE239 UZA237:UZA239 VIW237:VIW239 VSS237:VSS239 WCO237:WCO239 WMK237:WMK239 WWG237:WWG239 O238:O239 JK238:JK239 TG238:TG239 ADC238:ADC239 AMY238:AMY239 AWU238:AWU239 BGQ238:BGQ239 BQM238:BQM239 CAI238:CAI239 CKE238:CKE239 CUA238:CUA239 DDW238:DDW239 DNS238:DNS239 DXO238:DXO239 EHK238:EHK239 ERG238:ERG239 FBC238:FBC239 FKY238:FKY239 FUU238:FUU239 GEQ238:GEQ239 GOM238:GOM239 GYI238:GYI239 HIE238:HIE239 HSA238:HSA239 IBW238:IBW239 ILS238:ILS239 IVO238:IVO239 JFK238:JFK239 JPG238:JPG239 JZC238:JZC239 KIY238:KIY239 KSU238:KSU239 LCQ238:LCQ239 LMM238:LMM239 LWI238:LWI239 MGE238:MGE239 MQA238:MQA239 MZW238:MZW239 NJS238:NJS239 NTO238:NTO239 ODK238:ODK239 ONG238:ONG239 OXC238:OXC239 PGY238:PGY239 PQU238:PQU239 QAQ238:QAQ239 QKM238:QKM239 QUI238:QUI239 REE238:REE239 ROA238:ROA239 RXW238:RXW239 SHS238:SHS239 SRO238:SRO239 TBK238:TBK239 TLG238:TLG239 TVC238:TVC239 UEY238:UEY239 UOU238:UOU239 UYQ238:UYQ239 VIM238:VIM239 VSI238:VSI239 WCE238:WCE239 WMA238:WMA239 WVW238:WVW239 M250 JI250 TE250 ADA250 AMW250 AWS250 BGO250 BQK250 CAG250 CKC250 CTY250 DDU250 DNQ250 DXM250 EHI250 ERE250 FBA250 FKW250 FUS250 GEO250 GOK250 GYG250 HIC250 HRY250 IBU250 ILQ250 IVM250 JFI250 JPE250 JZA250 KIW250 KSS250 LCO250 LMK250 LWG250 MGC250 MPY250 MZU250 NJQ250 NTM250 ODI250 ONE250 OXA250 PGW250 PQS250 QAO250 QKK250 QUG250 REC250 RNY250 RXU250 SHQ250 SRM250 TBI250 TLE250 TVA250 UEW250 UOS250 UYO250 VIK250 VSG250 WCC250 WLY250 WVU250 O266:O267 JK266:JK267 TG266:TG267 ADC266:ADC267 AMY266:AMY267 AWU266:AWU267 BGQ266:BGQ267 BQM266:BQM267 CAI266:CAI267 CKE266:CKE267 CUA266:CUA267 DDW266:DDW267 DNS266:DNS267 DXO266:DXO267 EHK266:EHK267 ERG266:ERG267 FBC266:FBC267 FKY266:FKY267 FUU266:FUU267 GEQ266:GEQ267 GOM266:GOM267 GYI266:GYI267 HIE266:HIE267 HSA266:HSA267 IBW266:IBW267 ILS266:ILS267 IVO266:IVO267 JFK266:JFK267 JPG266:JPG267 JZC266:JZC267 KIY266:KIY267 KSU266:KSU267 LCQ266:LCQ267 LMM266:LMM267 LWI266:LWI267 MGE266:MGE267 MQA266:MQA267 MZW266:MZW267 NJS266:NJS267 NTO266:NTO267 ODK266:ODK267 ONG266:ONG267 OXC266:OXC267 PGY266:PGY267 PQU266:PQU267 QAQ266:QAQ267 QKM266:QKM267 QUI266:QUI267 REE266:REE267 ROA266:ROA267 RXW266:RXW267 SHS266:SHS267 SRO266:SRO267 TBK266:TBK267 TLG266:TLG267 TVC266:TVC267 UEY266:UEY267 UOU266:UOU267 UYQ266:UYQ267 VIM266:VIM267 VSI266:VSI267 WCE266:WCE267 WMA266:WMA267 WVW266:WVW267 AC265:AC267 JY265:JY267 TU265:TU267 ADQ265:ADQ267 ANM265:ANM267 AXI265:AXI267 BHE265:BHE267 BRA265:BRA267 CAW265:CAW267 CKS265:CKS267 CUO265:CUO267 DEK265:DEK267 DOG265:DOG267 DYC265:DYC267 EHY265:EHY267 ERU265:ERU267 FBQ265:FBQ267 FLM265:FLM267 FVI265:FVI267 GFE265:GFE267 GPA265:GPA267 GYW265:GYW267 HIS265:HIS267 HSO265:HSO267 ICK265:ICK267 IMG265:IMG267 IWC265:IWC267 JFY265:JFY267 JPU265:JPU267 JZQ265:JZQ267 KJM265:KJM267 KTI265:KTI267 LDE265:LDE267 LNA265:LNA267 LWW265:LWW267 MGS265:MGS267 MQO265:MQO267 NAK265:NAK267 NKG265:NKG267 NUC265:NUC267 ODY265:ODY267 ONU265:ONU267 OXQ265:OXQ267 PHM265:PHM267 PRI265:PRI267 QBE265:QBE267 QLA265:QLA267 QUW265:QUW267 RES265:RES267 ROO265:ROO267 RYK265:RYK267 SIG265:SIG267 SSC265:SSC267 TBY265:TBY267 TLU265:TLU267 TVQ265:TVQ267 UFM265:UFM267 UPI265:UPI267 UZE265:UZE267 VJA265:VJA267 VSW265:VSW267 WCS265:WCS267 WMO265:WMO267 WWK265:WWK267 Y265:Y267 JU265:JU267 TQ265:TQ267 ADM265:ADM267 ANI265:ANI267 AXE265:AXE267 BHA265:BHA267 BQW265:BQW267 CAS265:CAS267 CKO265:CKO267 CUK265:CUK267 DEG265:DEG267 DOC265:DOC267 DXY265:DXY267 EHU265:EHU267 ERQ265:ERQ267 FBM265:FBM267 FLI265:FLI267 FVE265:FVE267 GFA265:GFA267 GOW265:GOW267 GYS265:GYS267 HIO265:HIO267 HSK265:HSK267 ICG265:ICG267 IMC265:IMC267 IVY265:IVY267 JFU265:JFU267 JPQ265:JPQ267 JZM265:JZM267 KJI265:KJI267 KTE265:KTE267 LDA265:LDA267 LMW265:LMW267 LWS265:LWS267 MGO265:MGO267 MQK265:MQK267 NAG265:NAG267 NKC265:NKC267 NTY265:NTY267 ODU265:ODU267 ONQ265:ONQ267 OXM265:OXM267 PHI265:PHI267 PRE265:PRE267 QBA265:QBA267 QKW265:QKW267 QUS265:QUS267 REO265:REO267 ROK265:ROK267 RYG265:RYG267 SIC265:SIC267 SRY265:SRY267 TBU265:TBU267 TLQ265:TLQ267 TVM265:TVM267 UFI265:UFI267 UPE265:UPE267 UZA265:UZA267 VIW265:VIW267 VSS265:VSS267 WCO265:WCO267 WMK265:WMK267 WWG265:WWG267 Q265 JM265 TI265 ADE265 ANA265 AWW265 BGS265 BQO265 CAK265 CKG265 CUC265 DDY265 DNU265 DXQ265 EHM265 ERI265 FBE265 FLA265 FUW265 GES265 GOO265 GYK265 HIG265 HSC265 IBY265 ILU265 IVQ265 JFM265 JPI265 JZE265 KJA265 KSW265 LCS265 LMO265 LWK265 MGG265 MQC265 MZY265 NJU265 NTQ265 ODM265 ONI265 OXE265 PHA265 PQW265 QAS265 QKO265 QUK265 REG265 ROC265 RXY265 SHU265 SRQ265 TBM265 TLI265 TVE265 UFA265 UOW265 UYS265 VIO265 VSK265 WCG265 WMC265 WVY265 R261:R263 JN261:JN263 TJ261:TJ263 ADF261:ADF263 ANB261:ANB263 AWX261:AWX263 BGT261:BGT263 BQP261:BQP263 CAL261:CAL263 CKH261:CKH263 CUD261:CUD263 DDZ261:DDZ263 DNV261:DNV263 DXR261:DXR263 EHN261:EHN263 ERJ261:ERJ263 FBF261:FBF263 FLB261:FLB263 FUX261:FUX263 GET261:GET263 GOP261:GOP263 GYL261:GYL263 HIH261:HIH263 HSD261:HSD263 IBZ261:IBZ263 ILV261:ILV263 IVR261:IVR263 JFN261:JFN263 JPJ261:JPJ263 JZF261:JZF263 KJB261:KJB263 KSX261:KSX263 LCT261:LCT263 LMP261:LMP263 LWL261:LWL263 MGH261:MGH263 MQD261:MQD263 MZZ261:MZZ263 NJV261:NJV263 NTR261:NTR263 ODN261:ODN263 ONJ261:ONJ263 OXF261:OXF263 PHB261:PHB263 PQX261:PQX263 QAT261:QAT263 QKP261:QKP263 QUL261:QUL263 REH261:REH263 ROD261:ROD263 RXZ261:RXZ263 SHV261:SHV263 SRR261:SRR263 TBN261:TBN263 TLJ261:TLJ263 TVF261:TVF263 UFB261:UFB263 UOX261:UOX263 UYT261:UYT263 VIP261:VIP263 VSL261:VSL263 WCH261:WCH263 WMD261:WMD263 WVZ261:WVZ263 O260:O263 JK260:JK263 TG260:TG263 ADC260:ADC263 AMY260:AMY263 AWU260:AWU263 BGQ260:BGQ263 BQM260:BQM263 CAI260:CAI263 CKE260:CKE263 CUA260:CUA263 DDW260:DDW263 DNS260:DNS263 DXO260:DXO263 EHK260:EHK263 ERG260:ERG263 FBC260:FBC263 FKY260:FKY263 FUU260:FUU263 GEQ260:GEQ263 GOM260:GOM263 GYI260:GYI263 HIE260:HIE263 HSA260:HSA263 IBW260:IBW263 ILS260:ILS263 IVO260:IVO263 JFK260:JFK263 JPG260:JPG263 JZC260:JZC263 KIY260:KIY263 KSU260:KSU263 LCQ260:LCQ263 LMM260:LMM263 LWI260:LWI263 MGE260:MGE263 MQA260:MQA263 MZW260:MZW263 NJS260:NJS263 NTO260:NTO263 ODK260:ODK263 ONG260:ONG263 OXC260:OXC263 PGY260:PGY263 PQU260:PQU263 QAQ260:QAQ263 QKM260:QKM263 QUI260:QUI263 REE260:REE263 ROA260:ROA263 RXW260:RXW263 SHS260:SHS263 SRO260:SRO263 TBK260:TBK263 TLG260:TLG263 TVC260:TVC263 UEY260:UEY263 UOU260:UOU263 UYQ260:UYQ263 VIM260:VIM263 VSI260:VSI263 WCE260:WCE263 WMA260:WMA263 WVW260:WVW263 R271:R273 JN271:JN273 TJ271:TJ273 ADF271:ADF273 ANB271:ANB273 AWX271:AWX273 BGT271:BGT273 BQP271:BQP273 CAL271:CAL273 CKH271:CKH273 CUD271:CUD273 DDZ271:DDZ273 DNV271:DNV273 DXR271:DXR273 EHN271:EHN273 ERJ271:ERJ273 FBF271:FBF273 FLB271:FLB273 FUX271:FUX273 GET271:GET273 GOP271:GOP273 GYL271:GYL273 HIH271:HIH273 HSD271:HSD273 IBZ271:IBZ273 ILV271:ILV273 IVR271:IVR273 JFN271:JFN273 JPJ271:JPJ273 JZF271:JZF273 KJB271:KJB273 KSX271:KSX273 LCT271:LCT273 LMP271:LMP273 LWL271:LWL273 MGH271:MGH273 MQD271:MQD273 MZZ271:MZZ273 NJV271:NJV273 NTR271:NTR273 ODN271:ODN273 ONJ271:ONJ273 OXF271:OXF273 PHB271:PHB273 PQX271:PQX273 QAT271:QAT273 QKP271:QKP273 QUL271:QUL273 REH271:REH273 ROD271:ROD273 RXZ271:RXZ273 SHV271:SHV273 SRR271:SRR273 TBN271:TBN273 TLJ271:TLJ273 TVF271:TVF273 UFB271:UFB273 UOX271:UOX273 UYT271:UYT273 VIP271:VIP273 VSL271:VSL273 WCH271:WCH273 WMD271:WMD273 WVZ271:WVZ273 O270:O273 JK270:JK273 TG270:TG273 ADC270:ADC273 AMY270:AMY273 AWU270:AWU273 BGQ270:BGQ273 BQM270:BQM273 CAI270:CAI273 CKE270:CKE273 CUA270:CUA273 DDW270:DDW273 DNS270:DNS273 DXO270:DXO273 EHK270:EHK273 ERG270:ERG273 FBC270:FBC273 FKY270:FKY273 FUU270:FUU273 GEQ270:GEQ273 GOM270:GOM273 GYI270:GYI273 HIE270:HIE273 HSA270:HSA273 IBW270:IBW273 ILS270:ILS273 IVO270:IVO273 JFK270:JFK273 JPG270:JPG273 JZC270:JZC273 KIY270:KIY273 KSU270:KSU273 LCQ270:LCQ273 LMM270:LMM273 LWI270:LWI273 MGE270:MGE273 MQA270:MQA273 MZW270:MZW273 NJS270:NJS273 NTO270:NTO273 ODK270:ODK273 ONG270:ONG273 OXC270:OXC273 PGY270:PGY273 PQU270:PQU273 QAQ270:QAQ273 QKM270:QKM273 QUI270:QUI273 REE270:REE273 ROA270:ROA273 RXW270:RXW273 SHS270:SHS273 SRO270:SRO273 TBK270:TBK273 TLG270:TLG273 TVC270:TVC273 UEY270:UEY273 UOU270:UOU273 UYQ270:UYQ273 VIM270:VIM273 VSI270:VSI273 WCE270:WCE273 WMA270:WMA273 WVW270:WVW273 TD270:TD274 ACZ270:ACZ274 AMV270:AMV274 AWR270:AWR274 BGN270:BGN274 BQJ270:BQJ274 CAF270:CAF274 CKB270:CKB274 CTX270:CTX274 DDT270:DDT274 DNP270:DNP274 DXL270:DXL274 EHH270:EHH274 ERD270:ERD274 FAZ270:FAZ274 FKV270:FKV274 FUR270:FUR274 GEN270:GEN274 GOJ270:GOJ274 GYF270:GYF274 HIB270:HIB274 HRX270:HRX274 IBT270:IBT274 ILP270:ILP274 IVL270:IVL274 JFH270:JFH274 JPD270:JPD274 JYZ270:JYZ274 KIV270:KIV274 KSR270:KSR274 LCN270:LCN274 LMJ270:LMJ274 LWF270:LWF274 MGB270:MGB274 MPX270:MPX274 MZT270:MZT274 NJP270:NJP274 NTL270:NTL274 ODH270:ODH274 OND270:OND274 OWZ270:OWZ274 PGV270:PGV274 PQR270:PQR274 QAN270:QAN274 QKJ270:QKJ274 QUF270:QUF274 REB270:REB274 RNX270:RNX274 RXT270:RXT274 SHP270:SHP274 SRL270:SRL274 TBH270:TBH274 TLD270:TLD274 TUZ270:TUZ274 UEV270:UEV274 UOR270:UOR274 UYN270:UYN274 VIJ270:VIJ274 VSF270:VSF274 WCB270:WCB274 WLX270:WLX274 WVT270:WVT274 JE237:JE278 A268 IW268 SS268 ACO268 AMK268 AWG268 BGC268 BPY268 BZU268 CJQ268 CTM268 DDI268 DNE268 DXA268 EGW268 EQS268 FAO268 FKK268 FUG268 GEC268 GNY268 GXU268 HHQ268 HRM268 IBI268 ILE268 IVA268 JEW268 JOS268 JYO268 KIK268 KSG268 LCC268 LLY268 LVU268 MFQ268 MPM268 MZI268 NJE268 NTA268 OCW268 OMS268 OWO268 PGK268 PQG268 QAC268 QJY268 QTU268 RDQ268 RNM268 RXI268 SHE268 SRA268 TAW268 TKS268 TUO268 UEK268 UOG268 UYC268 VHY268 VRU268 WBQ268 WLM268 WVI268 M237:M239 JI237:JI239 TE237:TE239 ADA237:ADA239 AMW237:AMW239 AWS237:AWS239 BGO237:BGO239 BQK237:BQK239 CAG237:CAG239 CKC237:CKC239 CTY237:CTY239 DDU237:DDU239 DNQ237:DNQ239 DXM237:DXM239 EHI237:EHI239 ERE237:ERE239 FBA237:FBA239 FKW237:FKW239 FUS237:FUS239 GEO237:GEO239 GOK237:GOK239 GYG237:GYG239 HIC237:HIC239 HRY237:HRY239 IBU237:IBU239 ILQ237:ILQ239 IVM237:IVM239 JFI237:JFI239 JPE237:JPE239 JZA237:JZA239 KIW237:KIW239 KSS237:KSS239 LCO237:LCO239 LMK237:LMK239 LWG237:LWG239 MGC237:MGC239 MPY237:MPY239 MZU237:MZU239 NJQ237:NJQ239 NTM237:NTM239 ODI237:ODI239 ONE237:ONE239 OXA237:OXA239 PGW237:PGW239 PQS237:PQS239 QAO237:QAO239 QKK237:QKK239 QUG237:QUG239 REC237:REC239 RNY237:RNY239 RXU237:RXU239 SHQ237:SHQ239 SRM237:SRM239 TBI237:TBI239 TLE237:TLE239 TVA237:TVA239 UEW237:UEW239 UOS237:UOS239 UYO237:UYO239 VIK237:VIK239 VSG237:VSG239 WCC237:WCC239 WLY237:WLY239 WVU237:WVU239 O256 JK256 TG256 ADC256 AMY256 AWU256 BGQ256 BQM256 CAI256 CKE256 CUA256 DDW256 DNS256 DXO256 EHK256 ERG256 FBC256 FKY256 FUU256 GEQ256 GOM256 GYI256 HIE256 HSA256 IBW256 ILS256 IVO256 JFK256 JPG256 JZC256 KIY256 KSU256 LCQ256 LMM256 LWI256 MGE256 MQA256 MZW256 NJS256 NTO256 ODK256 ONG256 OXC256 PGY256 PQU256 QAQ256 QKM256 QUI256 REE256 ROA256 RXW256 SHS256 SRO256 TBK256 TLG256 TVC256 UEY256 UOU256 UYQ256 VIM256 VSI256 WCE256 WMA256 WVW256 O245 JK245 TG245 ADC245 AMY245 AWU245 BGQ245 BQM245 CAI245 CKE245 CUA245 DDW245 DNS245 DXO245 EHK245 ERG245 FBC245 FKY245 FUU245 GEQ245 GOM245 GYI245 HIE245 HSA245 IBW245 ILS245 IVO245 JFK245 JPG245 JZC245 KIY245 KSU245 LCQ245 LMM245 LWI245 MGE245 MQA245 MZW245 NJS245 NTO245 ODK245 ONG245 OXC245 PGY245 PQU245 QAQ245 QKM245 QUI245 REE245 ROA245 RXW245 SHS245 SRO245 TBK245 TLG245 TVC245 UEY245 UOU245 UYQ245 VIM245 VSI245 WCE245 WMA245 WVW245 R245 JN245 TJ245 ADF245 ANB245 AWX245 BGT245 BQP245 CAL245 CKH245 CUD245 DDZ245 DNV245 DXR245 EHN245 ERJ245 FBF245 FLB245 FUX245 GET245 GOP245 GYL245 HIH245 HSD245 IBZ245 ILV245 IVR245 JFN245 JPJ245 JZF245 KJB245 KSX245 LCT245 LMP245 LWL245 MGH245 MQD245 MZZ245 NJV245 NTR245 ODN245 ONJ245 OXF245 PHB245 PQX245 QAT245 QKP245 QUL245 REH245 ROD245 RXZ245 SHV245 SRR245 TBN245 TLJ245 TVF245 UFB245 UOX245 UYT245 VIP245 VSL245 WCH245 WMD245 WVZ245 U245 JQ245 TM245 ADI245 ANE245 AXA245 BGW245 BQS245 CAO245 CKK245 CUG245 DEC245 DNY245 DXU245 EHQ245 ERM245 FBI245 FLE245 FVA245 GEW245 GOS245 GYO245 HIK245 HSG245 ICC245 ILY245 IVU245 JFQ245 JPM245 JZI245 KJE245 KTA245 LCW245 LMS245 LWO245 MGK245 MQG245 NAC245 NJY245 NTU245 ODQ245 ONM245 OXI245 PHE245 PRA245 QAW245 QKS245 QUO245 REK245 ROG245 RYC245 SHY245 SRU245 TBQ245 TLM245 TVI245 UFE245 UPA245 UYW245 VIS245 VSO245 WCK245 WMG245 WWC245 D267:D268 IZ267:IZ268 SV267:SV268 ACR267:ACR268 AMN267:AMN268 AWJ267:AWJ268 BGF267:BGF268 BQB267:BQB268 BZX267:BZX268 CJT267:CJT268 CTP267:CTP268 DDL267:DDL268 DNH267:DNH268 DXD267:DXD268 EGZ267:EGZ268 EQV267:EQV268 FAR267:FAR268 FKN267:FKN268 FUJ267:FUJ268 GEF267:GEF268 GOB267:GOB268 GXX267:GXX268 HHT267:HHT268 HRP267:HRP268 IBL267:IBL268 ILH267:ILH268 IVD267:IVD268 JEZ267:JEZ268 JOV267:JOV268 JYR267:JYR268 KIN267:KIN268 KSJ267:KSJ268 LCF267:LCF268 LMB267:LMB268 LVX267:LVX268 MFT267:MFT268 MPP267:MPP268 MZL267:MZL268 NJH267:NJH268 NTD267:NTD268 OCZ267:OCZ268 OMV267:OMV268 OWR267:OWR268 PGN267:PGN268 PQJ267:PQJ268 QAF267:QAF268 QKB267:QKB268 QTX267:QTX268 RDT267:RDT268 RNP267:RNP268 RXL267:RXL268 SHH267:SHH268 SRD267:SRD268 TAZ267:TAZ268 TKV267:TKV268 TUR267:TUR268 UEN267:UEN268 UOJ267:UOJ268 UYF267:UYF268 VIB267:VIB268 VRX267:VRX268 WBT267:WBT268 WLP267:WLP268 WVL267:WVL268 M243:M244 JI243:JI244 TE243:TE244 ADA243:ADA244 AMW243:AMW244 AWS243:AWS244 BGO243:BGO244 BQK243:BQK244 CAG243:CAG244 CKC243:CKC244 CTY243:CTY244 DDU243:DDU244 DNQ243:DNQ244 DXM243:DXM244 EHI243:EHI244 ERE243:ERE244 FBA243:FBA244 FKW243:FKW244 FUS243:FUS244 GEO243:GEO244 GOK243:GOK244 GYG243:GYG244 HIC243:HIC244 HRY243:HRY244 IBU243:IBU244 ILQ243:ILQ244 IVM243:IVM244 JFI243:JFI244 JPE243:JPE244 JZA243:JZA244 KIW243:KIW244 KSS243:KSS244 LCO243:LCO244 LMK243:LMK244 LWG243:LWG244 MGC243:MGC244 MPY243:MPY244 MZU243:MZU244 NJQ243:NJQ244 NTM243:NTM244 ODI243:ODI244 ONE243:ONE244 OXA243:OXA244 PGW243:PGW244 PQS243:PQS244 QAO243:QAO244 QKK243:QKK244 QUG243:QUG244 REC243:REC244 RNY243:RNY244 RXU243:RXU244 SHQ243:SHQ244 SRM243:SRM244 TBI243:TBI244 TLE243:TLE244 TVA243:TVA244 UEW243:UEW244 UOS243:UOS244 UYO243:UYO244 VIK243:VIK244 VSG243:VSG244 WCC243:WCC244 WLY243:WLY244 WVU243:WVU244 TA237:TA278 ACW237:ACW278 AMS237:AMS278 AWO237:AWO278 BGK237:BGK278 BQG237:BQG278 CAC237:CAC278 CJY237:CJY278 CTU237:CTU278 DDQ237:DDQ278 DNM237:DNM278 DXI237:DXI278 EHE237:EHE278 ERA237:ERA278 FAW237:FAW278 FKS237:FKS278 FUO237:FUO278 GEK237:GEK278 GOG237:GOG278 GYC237:GYC278 HHY237:HHY278 HRU237:HRU278 IBQ237:IBQ278 ILM237:ILM278 IVI237:IVI278 JFE237:JFE278 JPA237:JPA278 JYW237:JYW278 KIS237:KIS278 KSO237:KSO278 LCK237:LCK278 LMG237:LMG278 LWC237:LWC278 MFY237:MFY278 MPU237:MPU278 MZQ237:MZQ278 NJM237:NJM278 NTI237:NTI278 ODE237:ODE278 ONA237:ONA278 OWW237:OWW278 PGS237:PGS278 PQO237:PQO278 QAK237:QAK278 QKG237:QKG278 QUC237:QUC278 RDY237:RDY278 RNU237:RNU278 RXQ237:RXQ278 SHM237:SHM278 SRI237:SRI278 TBE237:TBE278 TLA237:TLA278 TUW237:TUW278 UES237:UES278 UOO237:UOO278 UYK237:UYK278 VIG237:VIG278 VSC237:VSC278 WBY237:WBY278 WLU237:WLU278 WVQ237:WVQ278 R211 L382:L400 Q401 JM401 TI401 ADE401 ANA401 AWW401 BGS401 BQO401 CAK401 CKG401 CUC401 DDY401 DNU401 DXQ401 EHM401 ERI401 FBE401 FLA401 FUW401 GES401 GOO401 GYK401 HIG401 HSC401 IBY401 ILU401 IVQ401 JFM401 JPI401 JZE401 KJA401 KSW401 LCS401 LMO401 LWK401 MGG401 MQC401 MZY401 NJU401 NTQ401 ODM401 ONI401 OXE401 PHA401 PQW401 QAS401 QKO401 QUK401 REG401 ROC401 RXY401 SHU401 SRQ401 TBM401 TLI401 TVE401 UFA401 UOW401 UYS401 VIO401 VSK401 WCG401 WMC401 WVY401 JI401 TE401 ADA401 AMW401 AWS401 BGO401 BQK401 CAG401 CKC401 CTY401 DDU401 DNQ401 DXM401 EHI401 ERE401 FBA401 FKW401 FUS401 GEO401 GOK401 GYG401 HIC401 HRY401 IBU401 ILQ401 IVM401 JFI401 JPE401 JZA401 KIW401 KSS401 LCO401 LMK401 LWG401 MGC401 MPY401 MZU401 NJQ401 NTM401 ODI401 ONE401 OXA401 PGW401 PQS401 QAO401 QKK401 QUG401 REC401 RNY401 RXU401 SHQ401 SRM401 TBI401 TLE401 TVA401 UEW401 UOS401 UYO401 VIK401 VSG401 WCC401 WLY401 WVU401 JE401 TA401 ACW401 AMS401 AWO401 BGK401 BQG401 CAC401 CJY401 CTU401 DDQ401 DNM401 DXI401 EHE401 ERA401 FAW401 FKS401 FUO401 GEK401 GOG401 GYC401 HHY401 HRU401 IBQ401 ILM401 IVI401 JFE401 JPA401 JYW401 KIS401 KSO401 LCK401 LMG401 LWC401 MFY401 MPU401 MZQ401 NJM401 NTI401 ODE401 ONA401 OWW401 PGS401 PQO401 QAK401 QKG401 QUC401 RDY401 RNU401 RXQ401 SHM401 SRI401 TBE401 TLA401 TUW401 UES401 UOO401 UYK401 VIG401 VSC401 WBY401 WLU401 I76:I278 L270:L274 L278 JH278 TD278 ACZ278 AMV278 AWR278 BGN278 BQJ278 CAF278 CKB278 CTX278 DDT278 DNP278 DXL278 EHH278 ERD278 FAZ278 FKV278 FUR278 GEN278 GOJ278 GYF278 HIB278 HRX278 IBT278 ILP278 IVL278 JFH278 JPD278 JYZ278 KIV278 KSR278 LCN278 LMJ278 LWF278 MGB278 MPX278 MZT278 NJP278 NTL278 ODH278 OND278 OWZ278 PGV278 PQR278 QAN278 QKJ278 QUF278 REB278 RNX278 RXT278 SHP278 SRL278 TBH278 TLD278 TUZ278 UEV278 UOR278 UYN278 VIJ278 VSF278 WCB278 WLX278 WVT278 Q275 JM275 TI275 ADE275 ANA275 AWW275 BGS275 BQO275 CAK275 CKG275 CUC275 DDY275 DNU275 DXQ275 EHM275 ERI275 FBE275 FLA275 FUW275 GES275 GOO275 GYK275 HIG275 HSC275 IBY275 ILU275 IVQ275 JFM275 JPI275 JZE275 KJA275 KSW275 LCS275 LMO275 LWK275 MGG275 MQC275 MZY275 NJU275 NTQ275 ODM275 ONI275 OXE275 PHA275 PQW275 QAS275 QKO275 QUK275 REG275 ROC275 RXY275 SHU275 SRQ275 TBM275 TLI275 TVE275 UFA275 UOW275 UYS275 VIO275 VSK275 WCG275 WMC275 WVY275 M281 JI281 TE281 ADA281 AMW281 AWS281 BGO281 BQK281 CAG281 CKC281 CTY281 DDU281 DNQ281 DXM281 EHI281 ERE281 FBA281 FKW281 FUS281 GEO281 GOK281 GYG281 HIC281 HRY281 IBU281 ILQ281 IVM281 JFI281 JPE281 JZA281 KIW281 KSS281 LCO281 LMK281 LWG281 MGC281 MPY281 MZU281 NJQ281 NTM281 ODI281 ONE281 OXA281 PGW281 PQS281 QAO281 QKK281 QUG281 REC281 RNY281 RXU281 SHQ281 SRM281 TBI281 TLE281 TVA281 UEW281 UOS281 UYO281 VIK281 VSG281 WCC281 WLY281 WVU281 O282:O283 JK282:JK283 TG282:TG283 ADC282:ADC283 AMY282:AMY283 AWU282:AWU283 BGQ282:BGQ283 BQM282:BQM283 CAI282:CAI283 CKE282:CKE283 CUA282:CUA283 DDW282:DDW283 DNS282:DNS283 DXO282:DXO283 EHK282:EHK283 ERG282:ERG283 FBC282:FBC283 FKY282:FKY283 FUU282:FUU283 GEQ282:GEQ283 GOM282:GOM283 GYI282:GYI283 HIE282:HIE283 HSA282:HSA283 IBW282:IBW283 ILS282:ILS283 IVO282:IVO283 JFK282:JFK283 JPG282:JPG283 JZC282:JZC283 KIY282:KIY283 KSU282:KSU283 LCQ282:LCQ283 LMM282:LMM283 LWI282:LWI283 MGE282:MGE283 MQA282:MQA283 MZW282:MZW283 NJS282:NJS283 NTO282:NTO283 ODK282:ODK283 ONG282:ONG283 OXC282:OXC283 PGY282:PGY283 PQU282:PQU283 QAQ282:QAQ283 QKM282:QKM283 QUI282:QUI283 REE282:REE283 ROA282:ROA283 RXW282:RXW283 SHS282:SHS283 SRO282:SRO283 TBK282:TBK283 TLG282:TLG283 TVC282:TVC283 UEY282:UEY283 UOU282:UOU283 UYQ282:UYQ283 VIM282:VIM283 VSI282:VSI283 WCE282:WCE283 WMA282:WMA283 WVW282:WVW283 M275:M277 JI275:JI277 TE275:TE277 ADA275:ADA277 AMW275:AMW277 AWS275:AWS277 BGO275:BGO277 BQK275:BQK277 CAG275:CAG277 CKC275:CKC277 CTY275:CTY277 DDU275:DDU277 DNQ275:DNQ277 DXM275:DXM277 EHI275:EHI277 ERE275:ERE277 FBA275:FBA277 FKW275:FKW277 FUS275:FUS277 GEO275:GEO277 GOK275:GOK277 GYG275:GYG277 HIC275:HIC277 HRY275:HRY277 IBU275:IBU277 ILQ275:ILQ277 IVM275:IVM277 JFI275:JFI277 JPE275:JPE277 JZA275:JZA277 KIW275:KIW277 KSS275:KSS277 LCO275:LCO277 LMK275:LMK277 LWG275:LWG277 MGC275:MGC277 MPY275:MPY277 MZU275:MZU277 NJQ275:NJQ277 NTM275:NTM277 ODI275:ODI277 ONE275:ONE277 OXA275:OXA277 PGW275:PGW277 PQS275:PQS277 QAO275:QAO277 QKK275:QKK277 QUG275:QUG277 REC275:REC277 RNY275:RNY277 RXU275:RXU277 SHQ275:SHQ277 SRM275:SRM277 TBI275:TBI277 TLE275:TLE277 TVA275:TVA277 UEW275:UEW277 UOS275:UOS277 UYO275:UYO277 VIK275:VIK277 VSG275:VSG277 WCC275:WCC277 WLY275:WLY277 WVU275:WVU277 D283:D285 IZ283:IZ285 SV283:SV285 ACR283:ACR285 AMN283:AMN285 AWJ283:AWJ285 BGF283:BGF285 BQB283:BQB285 BZX283:BZX285 CJT283:CJT285 CTP283:CTP285 DDL283:DDL285 DNH283:DNH285 DXD283:DXD285 EGZ283:EGZ285 EQV283:EQV285 FAR283:FAR285 FKN283:FKN285 FUJ283:FUJ285 GEF283:GEF285 GOB283:GOB285 GXX283:GXX285 HHT283:HHT285 HRP283:HRP285 IBL283:IBL285 ILH283:ILH285 IVD283:IVD285 JEZ283:JEZ285 JOV283:JOV285 JYR283:JYR285 KIN283:KIN285 KSJ283:KSJ285 LCF283:LCF285 LMB283:LMB285 LVX283:LVX285 MFT283:MFT285 MPP283:MPP285 MZL283:MZL285 NJH283:NJH285 NTD283:NTD285 OCZ283:OCZ285 OMV283:OMV285 OWR283:OWR285 PGN283:PGN285 PQJ283:PQJ285 QAF283:QAF285 QKB283:QKB285 QTX283:QTX285 RDT283:RDT285 RNP283:RNP285 RXL283:RXL285 SHH283:SHH285 SRD283:SRD285 TAZ283:TAZ285 TKV283:TKV285 TUR283:TUR285 UEN283:UEN285 UOJ283:UOJ285 UYF283:UYF285 VIB283:VIB285 VRX283:VRX285 WBT283:WBT285 WLP283:WLP285 WVL283:WVL285 A283 IW283 SS283 ACO283 AMK283 AWG283 BGC283 BPY283 BZU283 CJQ283 CTM283 DDI283 DNE283 DXA283 EGW283 EQS283 FAO283 FKK283 FUG283 GEC283 GNY283 GXU283 HHQ283 HRM283 IBI283 ILE283 IVA283 JEW283 JOS283 JYO283 KIK283 KSG283 LCC283 LLY283 LVU283 MFQ283 MPM283 MZI283 NJE283 NTA283 OCW283 OMS283 OWO283 PGK283 PQG283 QAC283 QJY283 QTU283 RDQ283 RNM283 RXI283 SHE283 SRA283 TAW283 TKS283 TUO283 UEK283 UOG283 UYC283 VHY283 VRU283 WBQ283 WLM283 WVI283 AC275:AC277 JY275:JY277 TU275:TU277 ADQ275:ADQ277 ANM275:ANM277 AXI275:AXI277 BHE275:BHE277 BRA275:BRA277 CAW275:CAW277 CKS275:CKS277 CUO275:CUO277 DEK275:DEK277 DOG275:DOG277 DYC275:DYC277 EHY275:EHY277 ERU275:ERU277 FBQ275:FBQ277 FLM275:FLM277 FVI275:FVI277 GFE275:GFE277 GPA275:GPA277 GYW275:GYW277 HIS275:HIS277 HSO275:HSO277 ICK275:ICK277 IMG275:IMG277 IWC275:IWC277 JFY275:JFY277 JPU275:JPU277 JZQ275:JZQ277 KJM275:KJM277 KTI275:KTI277 LDE275:LDE277 LNA275:LNA277 LWW275:LWW277 MGS275:MGS277 MQO275:MQO277 NAK275:NAK277 NKG275:NKG277 NUC275:NUC277 ODY275:ODY277 ONU275:ONU277 OXQ275:OXQ277 PHM275:PHM277 PRI275:PRI277 QBE275:QBE277 QLA275:QLA277 QUW275:QUW277 RES275:RES277 ROO275:ROO277 RYK275:RYK277 SIG275:SIG277 SSC275:SSC277 TBY275:TBY277 TLU275:TLU277 TVQ275:TVQ277 UFM275:UFM277 UPI275:UPI277 UZE275:UZE277 VJA275:VJA277 VSW275:VSW277 WCS275:WCS277 WMO275:WMO277 WWK275:WWK277 Y275:Y277 JU275:JU277 TQ275:TQ277 ADM275:ADM277 ANI275:ANI277 AXE275:AXE277 BHA275:BHA277 BQW275:BQW277 CAS275:CAS277 CKO275:CKO277 CUK275:CUK277 DEG275:DEG277 DOC275:DOC277 DXY275:DXY277 EHU275:EHU277 ERQ275:ERQ277 FBM275:FBM277 FLI275:FLI277 FVE275:FVE277 GFA275:GFA277 GOW275:GOW277 GYS275:GYS277 HIO275:HIO277 HSK275:HSK277 ICG275:ICG277 IMC275:IMC277 IVY275:IVY277 JFU275:JFU277 JPQ275:JPQ277 JZM275:JZM277 KJI275:KJI277 KTE275:KTE277 LDA275:LDA277 LMW275:LMW277 LWS275:LWS277 MGO275:MGO277 MQK275:MQK277 NAG275:NAG277 NKC275:NKC277 NTY275:NTY277 ODU275:ODU277 ONQ275:ONQ277 OXM275:OXM277 PHI275:PHI277 PRE275:PRE277 QBA275:QBA277 QKW275:QKW277 QUS275:QUS277 REO275:REO277 ROK275:ROK277 RYG275:RYG277 SIC275:SIC277 SRY275:SRY277 TBU275:TBU277 TLQ275:TLQ277 TVM275:TVM277 UFI275:UFI277 UPE275:UPE277 UZA275:UZA277 VIW275:VIW277 VSS275:VSS277 WCO275:WCO277 WMK275:WMK277 WWG275:WWG277 O289:O291 JK289:JK291 TG289:TG291 ADC289:ADC291 AMY289:AMY291 AWU289:AWU291 BGQ289:BGQ291 BQM289:BQM291 CAI289:CAI291 CKE289:CKE291 CUA289:CUA291 DDW289:DDW291 DNS289:DNS291 DXO289:DXO291 EHK289:EHK291 ERG289:ERG291 FBC289:FBC291 FKY289:FKY291 FUU289:FUU291 GEQ289:GEQ291 GOM289:GOM291 GYI289:GYI291 HIE289:HIE291 HSA289:HSA291 IBW289:IBW291 ILS289:ILS291 IVO289:IVO291 JFK289:JFK291 JPG289:JPG291 JZC289:JZC291 KIY289:KIY291 KSU289:KSU291 LCQ289:LCQ291 LMM289:LMM291 LWI289:LWI291 MGE289:MGE291 MQA289:MQA291 MZW289:MZW291 NJS289:NJS291 NTO289:NTO291 ODK289:ODK291 ONG289:ONG291 OXC289:OXC291 PGY289:PGY291 PQU289:PQU291 QAQ289:QAQ291 QKM289:QKM291 QUI289:QUI291 REE289:REE291 ROA289:ROA291 RXW289:RXW291 SHS289:SHS291 SRO289:SRO291 TBK289:TBK291 TLG289:TLG291 TVC289:TVC291 UEY289:UEY291 UOU289:UOU291 UYQ289:UYQ291 VIM289:VIM291 VSI289:VSI291 WCE289:WCE291 WMA289:WMA291 WVW289:WVW291 R289:R291 JN289:JN291 TJ289:TJ291 ADF289:ADF291 ANB289:ANB291 AWX289:AWX291 BGT289:BGT291 BQP289:BQP291 CAL289:CAL291 CKH289:CKH291 CUD289:CUD291 DDZ289:DDZ291 DNV289:DNV291 DXR289:DXR291 EHN289:EHN291 ERJ289:ERJ291 FBF289:FBF291 FLB289:FLB291 FUX289:FUX291 GET289:GET291 GOP289:GOP291 GYL289:GYL291 HIH289:HIH291 HSD289:HSD291 IBZ289:IBZ291 ILV289:ILV291 IVR289:IVR291 JFN289:JFN291 JPJ289:JPJ291 JZF289:JZF291 KJB289:KJB291 KSX289:KSX291 LCT289:LCT291 LMP289:LMP291 LWL289:LWL291 MGH289:MGH291 MQD289:MQD291 MZZ289:MZZ291 NJV289:NJV291 NTR289:NTR291 ODN289:ODN291 ONJ289:ONJ291 OXF289:OXF291 PHB289:PHB291 PQX289:PQX291 QAT289:QAT291 QKP289:QKP291 QUL289:QUL291 REH289:REH291 ROD289:ROD291 RXZ289:RXZ291 SHV289:SHV291 SRR289:SRR291 TBN289:TBN291 TLJ289:TLJ291 TVF289:TVF291 UFB289:UFB291 UOX289:UOX291 UYT289:UYT291 VIP289:VIP291 VSL289:VSL291 WCH289:WCH291 WMD289:WMD291 WVZ289:WVZ291 L282:L292 JH282:JH292 TD282:TD292 ACZ282:ACZ292 AMV282:AMV292 AWR282:AWR292 BGN282:BGN292 BQJ282:BQJ292 CAF282:CAF292 CKB282:CKB292 CTX282:CTX292 DDT282:DDT292 DNP282:DNP292 DXL282:DXL292 EHH282:EHH292 ERD282:ERD292 FAZ282:FAZ292 FKV282:FKV292 FUR282:FUR292 GEN282:GEN292 GOJ282:GOJ292 GYF282:GYF292 HIB282:HIB292 HRX282:HRX292 IBT282:IBT292 ILP282:ILP292 IVL282:IVL292 JFH282:JFH292 JPD282:JPD292 JYZ282:JYZ292 KIV282:KIV292 KSR282:KSR292 LCN282:LCN292 LMJ282:LMJ292 LWF282:LWF292 MGB282:MGB292 MPX282:MPX292 MZT282:MZT292 NJP282:NJP292 NTL282:NTL292 ODH282:ODH292 OND282:OND292 OWZ282:OWZ292 PGV282:PGV292 PQR282:PQR292 QAN282:QAN292 QKJ282:QKJ292 QUF282:QUF292 REB282:REB292 RNX282:RNX292 RXT282:RXT292 SHP282:SHP292 SRL282:SRL292 TBH282:TBH292 TLD282:TLD292 TUZ282:TUZ292 UEV282:UEV292 UOR282:UOR292 UYN282:UYN292 VIJ282:VIJ292 VSF282:VSF292 WCB282:WCB292 WLX282:WLX292 WVT282:WVT292 O276:O277 JK276:JK277 TG276:TG277 ADC276:ADC277 AMY276:AMY277 AWU276:AWU277 BGQ276:BGQ277 BQM276:BQM277 CAI276:CAI277 CKE276:CKE277 CUA276:CUA277 DDW276:DDW277 DNS276:DNS277 DXO276:DXO277 EHK276:EHK277 ERG276:ERG277 FBC276:FBC277 FKY276:FKY277 FUU276:FUU277 GEQ276:GEQ277 GOM276:GOM277 GYI276:GYI277 HIE276:HIE277 HSA276:HSA277 IBW276:IBW277 ILS276:ILS277 IVO276:IVO277 JFK276:JFK277 JPG276:JPG277 JZC276:JZC277 KIY276:KIY277 KSU276:KSU277 LCQ276:LCQ277 LMM276:LMM277 LWI276:LWI277 MGE276:MGE277 MQA276:MQA277 MZW276:MZW277 NJS276:NJS277 NTO276:NTO277 ODK276:ODK277 ONG276:ONG277 OXC276:OXC277 PGY276:PGY277 PQU276:PQU277 QAQ276:QAQ277 QKM276:QKM277 QUI276:QUI277 REE276:REE277 ROA276:ROA277 RXW276:RXW277 SHS276:SHS277 SRO276:SRO277 TBK276:TBK277 TLG276:TLG277 TVC276:TVC277 UEY276:UEY277 UOU276:UOU277 UYQ276:UYQ277 VIM276:VIM277 VSI276:VSI277 WCE276:WCE277 WMA276:WMA277 WVW276:WVW277 JE281:JE292 TA281:TA292 ACW281:ACW292 AMS281:AMS292 AWO281:AWO292 BGK281:BGK292 BQG281:BQG292 CAC281:CAC292 CJY281:CJY292 CTU281:CTU292 DDQ281:DDQ292 DNM281:DNM292 DXI281:DXI292 EHE281:EHE292 ERA281:ERA292 FAW281:FAW292 FKS281:FKS292 FUO281:FUO292 GEK281:GEK292 GOG281:GOG292 GYC281:GYC292 HHY281:HHY292 HRU281:HRU292 IBQ281:IBQ292 ILM281:ILM292 IVI281:IVI292 JFE281:JFE292 JPA281:JPA292 JYW281:JYW292 KIS281:KIS292 KSO281:KSO292 LCK281:LCK292 LMG281:LMG292 LWC281:LWC292 MFY281:MFY292 MPU281:MPU292 MZQ281:MZQ292 NJM281:NJM292 NTI281:NTI292 ODE281:ODE292 ONA281:ONA292 OWW281:OWW292 PGS281:PGS292 PQO281:PQO292 QAK281:QAK292 QKG281:QKG292 QUC281:QUC292 RDY281:RDY292 RNU281:RNU292 RXQ281:RXQ292 SHM281:SHM292 SRI281:SRI292 TBE281:TBE292 TLA281:TLA292 TUW281:TUW292 UES281:UES292 UOO281:UOO292 UYK281:UYK292 VIG281:VIG292 VSC281:VSC292 WVQ426:WVQ431 A428 IW428 SS428 ACO428 AMK428 AWG428 BGC428 BPY428 BZU428 CJQ428 CTM428 DDI428 DNE428 DXA428 EGW428 EQS428 FAO428 FKK428 FUG428 GEC428 GNY428 GXU428 HHQ428 HRM428 IBI428 ILE428 IVA428 JEW428 JOS428 JYO428 KIK428 KSG428 LCC428 LLY428 LVU428 MFQ428 MPM428 MZI428 NJE428 NTA428 OCW428 OMS428 OWO428 PGK428 PQG428 QAC428 QJY428 QTU428 RDQ428 RNM428 RXI428 SHE428 SRA428 TAW428 TKS428 TUO428 UEK428 UOG428 UYC428 VHY428 VRU428 WBQ428 WLM428 WVI428 Q427 JM427 TI427 ADE427 ANA427 AWW427 BGS427 BQO427 CAK427 CKG427 CUC427 DDY427 DNU427 DXQ427 EHM427 ERI427 FBE427 FLA427 FUW427 GES427 GOO427 GYK427 HIG427 HSC427 IBY427 ILU427 IVQ427 JFM427 JPI427 JZE427 KJA427 KSW427 LCS427 LMO427 LWK427 MGG427 MQC427 MZY427 NJU427 NTQ427 ODM427 ONI427 OXE427 PHA427 PQW427 QAS427 QKO427 QUK427 REG427 ROC427 RXY427 SHU427 SRQ427 TBM427 TLI427 TVE427 UFA427 UOW427 UYS427 VIO427 VSK427 WCG427 WMC427 WVY427 O428:O429 JK428:JK429 TG428:TG429 ADC428:ADC429 AMY428:AMY429 AWU428:AWU429 BGQ428:BGQ429 BQM428:BQM429 CAI428:CAI429 CKE428:CKE429 CUA428:CUA429 DDW428:DDW429 DNS428:DNS429 DXO428:DXO429 EHK428:EHK429 ERG428:ERG429 FBC428:FBC429 FKY428:FKY429 FUU428:FUU429 GEQ428:GEQ429 GOM428:GOM429 GYI428:GYI429 HIE428:HIE429 HSA428:HSA429 IBW428:IBW429 ILS428:ILS429 IVO428:IVO429 JFK428:JFK429 JPG428:JPG429 JZC428:JZC429 KIY428:KIY429 KSU428:KSU429 LCQ428:LCQ429 LMM428:LMM429 LWI428:LWI429 MGE428:MGE429 MQA428:MQA429 MZW428:MZW429 NJS428:NJS429 NTO428:NTO429 ODK428:ODK429 ONG428:ONG429 OXC428:OXC429 PGY428:PGY429 PQU428:PQU429 QAQ428:QAQ429 QKM428:QKM429 QUI428:QUI429 REE428:REE429 ROA428:ROA429 RXW428:RXW429 SHS428:SHS429 SRO428:SRO429 TBK428:TBK429 TLG428:TLG429 TVC428:TVC429 UEY428:UEY429 UOU428:UOU429 UYQ428:UYQ429 VIM428:VIM429 VSI428:VSI429 WCE428:WCE429 WMA428:WMA429 WVW428:WVW429 D428:D429 IZ428:IZ429 SV428:SV429 ACR428:ACR429 AMN428:AMN429 AWJ428:AWJ429 BGF428:BGF429 BQB428:BQB429 BZX428:BZX429 CJT428:CJT429 CTP428:CTP429 DDL428:DDL429 DNH428:DNH429 DXD428:DXD429 EGZ428:EGZ429 EQV428:EQV429 FAR428:FAR429 FKN428:FKN429 FUJ428:FUJ429 GEF428:GEF429 GOB428:GOB429 GXX428:GXX429 HHT428:HHT429 HRP428:HRP429 IBL428:IBL429 ILH428:ILH429 IVD428:IVD429 JEZ428:JEZ429 JOV428:JOV429 JYR428:JYR429 KIN428:KIN429 KSJ428:KSJ429 LCF428:LCF429 LMB428:LMB429 LVX428:LVX429 MFT428:MFT429 MPP428:MPP429 MZL428:MZL429 NJH428:NJH429 NTD428:NTD429 OCZ428:OCZ429 OMV428:OMV429 OWR428:OWR429 PGN428:PGN429 PQJ428:PQJ429 QAF428:QAF429 QKB428:QKB429 QTX428:QTX429 RDT428:RDT429 RNP428:RNP429 RXL428:RXL429 SHH428:SHH429 SRD428:SRD429 TAZ428:TAZ429 TKV428:TKV429 TUR428:TUR429 UEN428:UEN429 UOJ428:UOJ429 UYF428:UYF429 VIB428:VIB429 VRX428:VRX429 WBT428:WBT429 WLP428:WLP429 WVL428:WVL429 JI427:JI431 TE427:TE431 ADA427:ADA431 AMW427:AMW431 AWS427:AWS431 BGO427:BGO431 BQK427:BQK431 CAG427:CAG431 CKC427:CKC431 CTY427:CTY431 DDU427:DDU431 DNQ427:DNQ431 DXM427:DXM431 EHI427:EHI431 ERE427:ERE431 FBA427:FBA431 FKW427:FKW431 FUS427:FUS431 GEO427:GEO431 GOK427:GOK431 GYG427:GYG431 HIC427:HIC431 HRY427:HRY431 IBU427:IBU431 ILQ427:ILQ431 IVM427:IVM431 JFI427:JFI431 JPE427:JPE431 JZA427:JZA431 KIW427:KIW431 KSS427:KSS431 LCO427:LCO431 LMK427:LMK431 LWG427:LWG431 MGC427:MGC431 MPY427:MPY431 MZU427:MZU431 NJQ427:NJQ431 NTM427:NTM431 ODI427:ODI431 ONE427:ONE431 OXA427:OXA431 PGW427:PGW431 PQS427:PQS431 QAO427:QAO431 QKK427:QKK431 QUG427:QUG431 REC427:REC431 RNY427:RNY431 RXU427:RXU431 SHQ427:SHQ431 SRM427:SRM431 TBI427:TBI431 TLE427:TLE431 TVA427:TVA431 UEW427:UEW431 UOS427:UOS431 UYO427:UYO431 VIK427:VIK431 VSG427:VSG431 WCC427:WCC431 WLY427:WLY431 WVU427:WVU431 JE426:JE431 TA426:TA431 ACW426:ACW431 AMS426:AMS431 AWO426:AWO431 BGK426:BGK431 BQG426:BQG431 CAC426:CAC431 CJY426:CJY431 CTU426:CTU431 DDQ426:DDQ431 DNM426:DNM431 DXI426:DXI431 EHE426:EHE431 ERA426:ERA431 FAW426:FAW431 FKS426:FKS431 FUO426:FUO431 GEK426:GEK431 GOG426:GOG431 GYC426:GYC431 HHY426:HHY431 HRU426:HRU431 IBQ426:IBQ431 ILM426:ILM431 IVI426:IVI431 JFE426:JFE431 JPA426:JPA431 JYW426:JYW431 KIS426:KIS431 KSO426:KSO431 LCK426:LCK431 LMG426:LMG431 LWC426:LWC431 MFY426:MFY431 MPU426:MPU431 MZQ426:MZQ431 NJM426:NJM431 NTI426:NTI431 ODE426:ODE431 ONA426:ONA431 OWW426:OWW431 PGS426:PGS431 PQO426:PQO431 QAK426:QAK431 QKG426:QKG431 QUC426:QUC431 RDY426:RDY431 RNU426:RNU431 RXQ426:RXQ431 SHM426:SHM431 SRI426:SRI431 TBE426:TBE431 TLA426:TLA431 TUW426:TUW431 UES426:UES431 UOO426:UOO431 UYK426:UYK431 VIG426:VIG431 VSC426:VSC431 WBY426:WBY431 WLU426:WLU431 I358:I482 O425 JH426 TD426 ACZ426 AMV426 AWR426 BGN426 BQJ426 CAF426 CKB426 CTX426 DDT426 DNP426 DXL426 EHH426 ERD426 FAZ426 FKV426 FUR426 GEN426 GOJ426 GYF426 HIB426 HRX426 IBT426 ILP426 IVL426 JFH426 JPD426 JYZ426 KIV426 KSR426 LCN426 LMJ426 LWF426 MGB426 MPX426 MZT426 NJP426 NTL426 ODH426 OND426 OWZ426 PGV426 PQR426 QAN426 QKJ426 QUF426 REB426 RNX426 RXT426 SHP426 SRL426 TBH426 TLD426 TUZ426 UEV426 UOR426 UYN426 VIJ426 VSF426 WCB426 WLX426 O33:O36 I8:I41 JK35 TG35 ADC35 AMY35 AWU35 BGQ35 BQM35 CAI35 CKE35 CUA35 DDW35 DNS35 DXO35 EHK35 ERG35 FBC35 FKY35 FUU35 GEQ35 GOM35 GYI35 HIE35 HSA35 IBW35 ILS35 IVO35 JFK35 JPG35 JZC35 KIY35 KSU35 LCQ35 LMM35 LWI35 MGE35 MQA35 MZW35 NJS35 NTO35 ODK35 ONG35 OXC35 PGY35 PQU35 QAQ35 QKM35 QUI35 REE35 ROA35 RXW35 SHS35 SRO35 TBK35 TLG35 TVC35 UEY35 UOU35 UYQ35 VIM35 VSI35 WCE35 WMA35 WVW35 JN35 TJ35 ADF35 ANB35 AWX35 BGT35 BQP35 CAL35 CKH35 CUD35 DDZ35 DNV35 DXR35 EHN35 ERJ35 FBF35 FLB35 FUX35 GET35 GOP35 GYL35 HIH35 HSD35 IBZ35 ILV35 IVR35 JFN35 JPJ35 JZF35 KJB35 KSX35 LCT35 LMP35 LWL35 MGH35 MQD35 MZZ35 NJV35 NTR35 ODN35 ONJ35 OXF35 PHB35 PQX35 QAT35 QKP35 QUL35 REH35 ROD35 RXZ35 SHV35 SRR35 TBN35 TLJ35 TVF35 UFB35 UOX35 UYT35 VIP35 VSL35 WCH35 WMD35 WVZ35 JH35 TD35 ACZ35 AMV35 AWR35 BGN35 BQJ35 CAF35 CKB35 CTX35 DDT35 DNP35 DXL35 EHH35 ERD35 FAZ35 FKV35 FUR35 GEN35 GOJ35 GYF35 HIB35 HRX35 IBT35 ILP35 IVL35 JFH35 JPD35 JYZ35 KIV35 KSR35 LCN35 LMJ35 LWF35 MGB35 MPX35 MZT35 NJP35 NTL35 ODH35 OND35 OWZ35 PGV35 PQR35 QAN35 QKJ35 QUF35 REB35 RNX35 RXT35 SHP35 SRL35 TBH35 TLD35 TUZ35 UEV35 UOR35 UYN35 VIJ35 VSF35 WCB35 WLX35 WVT35 JE35 TA35 ACW35 AMS35 AWO35 BGK35 BQG35 CAC35 CJY35 CTU35 DDQ35 DNM35 DXI35 EHE35 ERA35 FAW35 FKS35 FUO35 GEK35 GOG35 GYC35 HHY35 HRU35 IBQ35 ILM35 IVI35 JFE35 JPA35 JYW35 KIS35 KSO35 LCK35 LMG35 LWC35 MFY35 MPU35 MZQ35 NJM35 NTI35 ODE35 ONA35 OWW35 PGS35 PQO35 QAK35 QKG35 QUC35 RDY35 RNU35 RXQ35 SHM35 SRI35 TBE35 TLA35 TUW35 UES35 UOO35 UYK35 VIG35 VSC35 WBY35 WLU35 WVQ35" xr:uid="{7D2679BE-98CA-4A49-8972-6A6423684B1A}">
      <formula1>"□,■"</formula1>
    </dataValidation>
  </dataValidations>
  <pageMargins left="0.7" right="0.7" top="0.75" bottom="0.75" header="0.3" footer="0.3"/>
  <pageSetup paperSize="9" scale="10" orientation="portrait" r:id="rId1"/>
  <rowBreaks count="12" manualBreakCount="12">
    <brk id="37" max="32" man="1"/>
    <brk id="88" max="32" man="1"/>
    <brk id="139" max="32" man="1"/>
    <brk id="190" max="32" man="1"/>
    <brk id="236" max="32" man="1"/>
    <brk id="264" max="31" man="1"/>
    <brk id="316" max="32" man="1"/>
    <brk id="351" max="32" man="1"/>
    <brk id="400" max="31" man="1"/>
    <brk id="452" max="32" man="1"/>
    <brk id="484" max="31" man="1"/>
    <brk id="551" max="31"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C57C1C1-2664-41EA-BCFB-7A5016E50EEC}">
  <sheetPr>
    <pageSetUpPr fitToPage="1"/>
  </sheetPr>
  <dimension ref="A1:G438"/>
  <sheetViews>
    <sheetView tabSelected="1" view="pageBreakPreview" zoomScale="85" zoomScaleNormal="100" zoomScaleSheetLayoutView="85" workbookViewId="0">
      <selection activeCell="C6" sqref="C6"/>
    </sheetView>
  </sheetViews>
  <sheetFormatPr defaultRowHeight="20.25" customHeight="1" x14ac:dyDescent="0.4"/>
  <cols>
    <col min="1" max="1" width="2.375" style="270" customWidth="1"/>
    <col min="2" max="2" width="25" style="121" bestFit="1" customWidth="1"/>
    <col min="3" max="3" width="41.75" style="121" customWidth="1"/>
    <col min="4" max="4" width="15.25" style="121" customWidth="1"/>
    <col min="5" max="5" width="44.25" style="121" customWidth="1"/>
    <col min="6" max="6" width="42" style="121" customWidth="1"/>
    <col min="7" max="7" width="58" style="121" customWidth="1"/>
    <col min="8" max="16384" width="9" style="121"/>
  </cols>
  <sheetData>
    <row r="1" spans="1:7" s="257" customFormat="1" ht="20.25" customHeight="1" x14ac:dyDescent="0.4">
      <c r="A1" s="22"/>
      <c r="B1" s="256" t="s">
        <v>246</v>
      </c>
      <c r="C1" s="3"/>
      <c r="D1" s="3"/>
      <c r="E1" s="3"/>
      <c r="F1" s="3"/>
      <c r="G1" s="3"/>
    </row>
    <row r="2" spans="1:7" ht="18.75" customHeight="1" x14ac:dyDescent="0.4">
      <c r="A2" s="5"/>
      <c r="B2" s="228"/>
      <c r="C2" s="228"/>
      <c r="D2" s="2"/>
      <c r="E2" s="2"/>
      <c r="F2" s="2"/>
      <c r="G2" s="258"/>
    </row>
    <row r="3" spans="1:7" ht="31.5" customHeight="1" x14ac:dyDescent="0.15">
      <c r="A3" s="255"/>
      <c r="B3" s="259" t="s">
        <v>247</v>
      </c>
      <c r="C3" s="259"/>
      <c r="D3" s="259"/>
      <c r="E3" s="259"/>
      <c r="F3" s="259"/>
      <c r="G3" s="259"/>
    </row>
    <row r="4" spans="1:7" ht="20.25" customHeight="1" x14ac:dyDescent="0.15">
      <c r="A4" s="255"/>
      <c r="B4" s="67" t="s">
        <v>248</v>
      </c>
      <c r="C4" s="240"/>
      <c r="D4" s="240"/>
      <c r="E4" s="240"/>
      <c r="F4" s="240"/>
      <c r="G4" s="240"/>
    </row>
    <row r="5" spans="1:7" ht="20.25" customHeight="1" x14ac:dyDescent="0.15">
      <c r="A5" s="255"/>
      <c r="B5" s="67" t="s">
        <v>249</v>
      </c>
      <c r="C5" s="240"/>
      <c r="D5" s="240"/>
      <c r="E5" s="240"/>
      <c r="F5" s="240"/>
      <c r="G5" s="240"/>
    </row>
    <row r="6" spans="1:7" ht="20.25" customHeight="1" x14ac:dyDescent="0.15">
      <c r="A6" s="241"/>
      <c r="B6" s="67" t="s">
        <v>250</v>
      </c>
      <c r="C6" s="241"/>
      <c r="D6" s="241"/>
      <c r="E6" s="241"/>
      <c r="F6" s="241"/>
      <c r="G6" s="241"/>
    </row>
    <row r="7" spans="1:7" ht="20.25" customHeight="1" x14ac:dyDescent="0.15">
      <c r="A7" s="241"/>
      <c r="B7" s="67" t="s">
        <v>251</v>
      </c>
      <c r="C7" s="241"/>
      <c r="D7" s="241"/>
      <c r="E7" s="241"/>
      <c r="F7" s="241"/>
      <c r="G7" s="241"/>
    </row>
    <row r="8" spans="1:7" ht="20.25" customHeight="1" x14ac:dyDescent="0.15">
      <c r="A8" s="241"/>
      <c r="B8" s="67" t="s">
        <v>252</v>
      </c>
      <c r="C8" s="241"/>
      <c r="D8" s="241"/>
      <c r="E8" s="241"/>
      <c r="F8" s="241"/>
      <c r="G8" s="241"/>
    </row>
    <row r="9" spans="1:7" ht="20.25" customHeight="1" x14ac:dyDescent="0.15">
      <c r="A9" s="241"/>
      <c r="B9" s="67" t="s">
        <v>253</v>
      </c>
      <c r="C9" s="241"/>
      <c r="D9" s="241"/>
      <c r="E9" s="241"/>
      <c r="F9" s="241"/>
      <c r="G9" s="241"/>
    </row>
    <row r="10" spans="1:7" ht="50.25" customHeight="1" x14ac:dyDescent="0.15">
      <c r="A10" s="241"/>
      <c r="B10" s="260" t="s">
        <v>254</v>
      </c>
      <c r="C10" s="260"/>
      <c r="D10" s="260"/>
      <c r="E10" s="260"/>
      <c r="F10" s="260"/>
      <c r="G10" s="260"/>
    </row>
    <row r="11" spans="1:7" s="261" customFormat="1" ht="21" customHeight="1" x14ac:dyDescent="0.15">
      <c r="A11" s="241"/>
      <c r="B11" s="260" t="s">
        <v>255</v>
      </c>
      <c r="C11" s="260"/>
      <c r="D11" s="260"/>
      <c r="E11" s="260"/>
      <c r="F11" s="260"/>
      <c r="G11" s="260"/>
    </row>
    <row r="12" spans="1:7" ht="20.25" customHeight="1" x14ac:dyDescent="0.15">
      <c r="A12" s="241"/>
      <c r="B12" s="67" t="s">
        <v>256</v>
      </c>
      <c r="C12" s="241"/>
      <c r="D12" s="241"/>
      <c r="E12" s="241"/>
      <c r="F12" s="241"/>
      <c r="G12" s="241"/>
    </row>
    <row r="13" spans="1:7" ht="20.25" customHeight="1" x14ac:dyDescent="0.15">
      <c r="A13" s="241"/>
      <c r="B13" s="67" t="s">
        <v>257</v>
      </c>
      <c r="C13" s="241"/>
      <c r="D13" s="241"/>
      <c r="E13" s="241"/>
      <c r="F13" s="241"/>
      <c r="G13" s="241"/>
    </row>
    <row r="14" spans="1:7" ht="20.25" customHeight="1" x14ac:dyDescent="0.15">
      <c r="A14" s="241"/>
      <c r="B14" s="67" t="s">
        <v>258</v>
      </c>
      <c r="C14" s="241"/>
      <c r="D14" s="241"/>
      <c r="E14" s="241"/>
      <c r="F14" s="241"/>
      <c r="G14" s="241"/>
    </row>
    <row r="15" spans="1:7" ht="20.25" customHeight="1" x14ac:dyDescent="0.15">
      <c r="A15" s="241"/>
      <c r="B15" s="67" t="s">
        <v>259</v>
      </c>
      <c r="C15" s="241"/>
      <c r="D15" s="241"/>
      <c r="E15" s="241"/>
      <c r="F15" s="241"/>
      <c r="G15" s="241"/>
    </row>
    <row r="16" spans="1:7" ht="20.25" customHeight="1" x14ac:dyDescent="0.15">
      <c r="A16" s="241"/>
      <c r="B16" s="67" t="s">
        <v>260</v>
      </c>
      <c r="C16" s="241"/>
      <c r="D16" s="241"/>
      <c r="E16" s="241"/>
      <c r="F16" s="241"/>
      <c r="G16" s="241"/>
    </row>
    <row r="17" spans="1:7" ht="20.25" customHeight="1" x14ac:dyDescent="0.15">
      <c r="A17" s="241"/>
      <c r="B17" s="67" t="s">
        <v>261</v>
      </c>
      <c r="C17" s="241"/>
      <c r="D17" s="241"/>
      <c r="E17" s="241"/>
      <c r="F17" s="241"/>
      <c r="G17" s="241"/>
    </row>
    <row r="18" spans="1:7" ht="20.25" customHeight="1" x14ac:dyDescent="0.15">
      <c r="A18" s="241"/>
      <c r="B18" s="67" t="s">
        <v>262</v>
      </c>
      <c r="C18" s="241"/>
      <c r="D18" s="241"/>
      <c r="E18" s="241"/>
      <c r="F18" s="241"/>
      <c r="G18" s="241"/>
    </row>
    <row r="19" spans="1:7" ht="45" customHeight="1" x14ac:dyDescent="0.15">
      <c r="A19" s="241"/>
      <c r="B19" s="260" t="s">
        <v>263</v>
      </c>
      <c r="C19" s="142"/>
      <c r="D19" s="142"/>
      <c r="E19" s="142"/>
      <c r="F19" s="142"/>
      <c r="G19" s="142"/>
    </row>
    <row r="20" spans="1:7" ht="20.25" customHeight="1" x14ac:dyDescent="0.15">
      <c r="A20" s="241"/>
      <c r="B20" s="67" t="s">
        <v>264</v>
      </c>
      <c r="C20" s="241"/>
      <c r="D20" s="241"/>
      <c r="E20" s="241"/>
      <c r="F20" s="67"/>
      <c r="G20" s="67"/>
    </row>
    <row r="21" spans="1:7" s="264" customFormat="1" ht="19.5" customHeight="1" x14ac:dyDescent="0.4">
      <c r="A21" s="262"/>
      <c r="B21" s="67" t="s">
        <v>265</v>
      </c>
      <c r="C21" s="263"/>
      <c r="D21" s="263"/>
      <c r="E21" s="263"/>
      <c r="F21" s="263"/>
      <c r="G21" s="263"/>
    </row>
    <row r="22" spans="1:7" s="264" customFormat="1" ht="19.5" customHeight="1" x14ac:dyDescent="0.4">
      <c r="A22" s="262"/>
      <c r="B22" s="67" t="s">
        <v>266</v>
      </c>
      <c r="C22" s="263"/>
      <c r="D22" s="263"/>
      <c r="E22" s="263"/>
      <c r="F22" s="263"/>
      <c r="G22" s="263"/>
    </row>
    <row r="23" spans="1:7" s="264" customFormat="1" ht="19.5" customHeight="1" x14ac:dyDescent="0.4">
      <c r="A23" s="262"/>
      <c r="B23" s="67" t="s">
        <v>267</v>
      </c>
      <c r="C23" s="263"/>
      <c r="D23" s="263"/>
      <c r="E23" s="263"/>
      <c r="F23" s="263"/>
      <c r="G23" s="263"/>
    </row>
    <row r="24" spans="1:7" s="264" customFormat="1" ht="19.5" customHeight="1" x14ac:dyDescent="0.4">
      <c r="A24" s="262"/>
      <c r="B24" s="67" t="s">
        <v>268</v>
      </c>
      <c r="C24" s="263"/>
      <c r="D24" s="263"/>
      <c r="E24" s="263"/>
      <c r="F24" s="263"/>
      <c r="G24" s="263"/>
    </row>
    <row r="25" spans="1:7" s="264" customFormat="1" ht="19.5" customHeight="1" x14ac:dyDescent="0.4">
      <c r="A25" s="262"/>
      <c r="B25" s="67" t="s">
        <v>269</v>
      </c>
      <c r="C25" s="263"/>
      <c r="D25" s="263"/>
      <c r="E25" s="263"/>
      <c r="F25" s="263"/>
      <c r="G25" s="263"/>
    </row>
    <row r="26" spans="1:7" s="264" customFormat="1" ht="19.5" customHeight="1" x14ac:dyDescent="0.4">
      <c r="A26" s="262"/>
      <c r="B26" s="67" t="s">
        <v>270</v>
      </c>
      <c r="C26" s="263"/>
      <c r="D26" s="263"/>
      <c r="E26" s="263"/>
      <c r="F26" s="263"/>
      <c r="G26" s="263"/>
    </row>
    <row r="27" spans="1:7" s="264" customFormat="1" ht="19.5" customHeight="1" x14ac:dyDescent="0.4">
      <c r="A27" s="262"/>
      <c r="B27" s="67" t="s">
        <v>271</v>
      </c>
      <c r="C27" s="263"/>
      <c r="D27" s="263"/>
      <c r="E27" s="263"/>
      <c r="F27" s="263"/>
      <c r="G27" s="263"/>
    </row>
    <row r="28" spans="1:7" s="264" customFormat="1" ht="20.25" customHeight="1" x14ac:dyDescent="0.4">
      <c r="A28" s="262"/>
      <c r="B28" s="67" t="s">
        <v>272</v>
      </c>
      <c r="C28" s="263"/>
      <c r="D28" s="263"/>
      <c r="E28" s="263"/>
      <c r="F28" s="263"/>
      <c r="G28" s="263"/>
    </row>
    <row r="29" spans="1:7" ht="20.25" customHeight="1" x14ac:dyDescent="0.15">
      <c r="A29" s="2"/>
      <c r="B29" s="67" t="s">
        <v>273</v>
      </c>
      <c r="C29" s="241"/>
      <c r="D29" s="241"/>
      <c r="E29" s="241"/>
      <c r="F29" s="241"/>
      <c r="G29" s="241"/>
    </row>
    <row r="30" spans="1:7" ht="19.5" customHeight="1" x14ac:dyDescent="0.15">
      <c r="A30" s="2"/>
      <c r="B30" s="67" t="s">
        <v>274</v>
      </c>
      <c r="C30" s="241"/>
      <c r="D30" s="241"/>
      <c r="E30" s="241"/>
      <c r="F30" s="241"/>
      <c r="G30" s="241"/>
    </row>
    <row r="31" spans="1:7" s="265" customFormat="1" ht="20.25" customHeight="1" x14ac:dyDescent="0.4">
      <c r="A31" s="68"/>
      <c r="B31" s="260" t="s">
        <v>275</v>
      </c>
      <c r="C31" s="260"/>
      <c r="D31" s="260"/>
      <c r="E31" s="260"/>
      <c r="F31" s="260"/>
      <c r="G31" s="260"/>
    </row>
    <row r="32" spans="1:7" s="265" customFormat="1" ht="20.25" customHeight="1" x14ac:dyDescent="0.4">
      <c r="A32" s="68"/>
      <c r="B32" s="67" t="s">
        <v>276</v>
      </c>
      <c r="C32" s="263"/>
      <c r="D32" s="263"/>
      <c r="E32" s="263"/>
      <c r="F32" s="68"/>
      <c r="G32" s="68"/>
    </row>
    <row r="33" spans="1:7" s="265" customFormat="1" ht="20.25" customHeight="1" x14ac:dyDescent="0.4">
      <c r="A33" s="68"/>
      <c r="B33" s="67" t="s">
        <v>277</v>
      </c>
      <c r="C33" s="263"/>
      <c r="D33" s="263"/>
      <c r="E33" s="263"/>
      <c r="F33" s="68"/>
      <c r="G33" s="68"/>
    </row>
    <row r="34" spans="1:7" s="265" customFormat="1" ht="20.25" customHeight="1" x14ac:dyDescent="0.4">
      <c r="A34" s="68"/>
      <c r="B34" s="67" t="s">
        <v>278</v>
      </c>
      <c r="C34" s="263"/>
      <c r="D34" s="263"/>
      <c r="E34" s="263"/>
      <c r="F34" s="68"/>
      <c r="G34" s="68"/>
    </row>
    <row r="35" spans="1:7" s="265" customFormat="1" ht="20.25" customHeight="1" x14ac:dyDescent="0.4">
      <c r="A35" s="68"/>
      <c r="B35" s="260" t="s">
        <v>279</v>
      </c>
      <c r="C35" s="260"/>
      <c r="D35" s="260"/>
      <c r="E35" s="260"/>
      <c r="F35" s="260"/>
      <c r="G35" s="260"/>
    </row>
    <row r="36" spans="1:7" ht="20.25" customHeight="1" x14ac:dyDescent="0.4">
      <c r="A36" s="5"/>
      <c r="B36" s="260" t="s">
        <v>280</v>
      </c>
      <c r="C36" s="260"/>
      <c r="D36" s="260"/>
      <c r="E36" s="260"/>
      <c r="F36" s="260"/>
      <c r="G36" s="260"/>
    </row>
    <row r="37" spans="1:7" ht="20.25" customHeight="1" x14ac:dyDescent="0.4">
      <c r="A37" s="5"/>
      <c r="B37" s="260" t="s">
        <v>281</v>
      </c>
      <c r="C37" s="260"/>
      <c r="D37" s="260"/>
      <c r="E37" s="260"/>
      <c r="F37" s="260"/>
      <c r="G37" s="260"/>
    </row>
    <row r="38" spans="1:7" s="266" customFormat="1" ht="20.25" customHeight="1" x14ac:dyDescent="0.4">
      <c r="A38" s="68"/>
      <c r="B38" s="260" t="s">
        <v>282</v>
      </c>
      <c r="C38" s="260"/>
      <c r="D38" s="260"/>
      <c r="E38" s="260"/>
      <c r="F38" s="260"/>
      <c r="G38" s="260"/>
    </row>
    <row r="39" spans="1:7" s="257" customFormat="1" ht="20.25" customHeight="1" x14ac:dyDescent="0.15">
      <c r="A39" s="22"/>
      <c r="B39" s="67" t="s">
        <v>283</v>
      </c>
      <c r="C39" s="241"/>
      <c r="D39" s="241"/>
      <c r="E39" s="241"/>
      <c r="F39" s="3"/>
      <c r="G39" s="3"/>
    </row>
    <row r="40" spans="1:7" ht="20.25" customHeight="1" x14ac:dyDescent="0.15">
      <c r="A40" s="255"/>
      <c r="B40" s="2"/>
      <c r="C40" s="2"/>
      <c r="D40" s="2"/>
      <c r="E40" s="2"/>
      <c r="F40" s="240"/>
      <c r="G40" s="240"/>
    </row>
    <row r="41" spans="1:7" ht="20.25" customHeight="1" x14ac:dyDescent="0.4">
      <c r="A41" s="5"/>
      <c r="B41" s="256" t="s">
        <v>284</v>
      </c>
      <c r="C41" s="3"/>
      <c r="D41" s="3"/>
      <c r="E41" s="3"/>
      <c r="F41" s="2"/>
      <c r="G41" s="2"/>
    </row>
    <row r="42" spans="1:7" ht="20.25" customHeight="1" x14ac:dyDescent="0.4">
      <c r="A42" s="5"/>
      <c r="B42" s="2"/>
      <c r="C42" s="2"/>
      <c r="D42" s="2"/>
      <c r="E42" s="2"/>
      <c r="F42" s="2"/>
      <c r="G42" s="2"/>
    </row>
    <row r="43" spans="1:7" ht="20.25" customHeight="1" x14ac:dyDescent="0.15">
      <c r="A43" s="5"/>
      <c r="B43" s="67" t="s">
        <v>285</v>
      </c>
      <c r="C43" s="240"/>
      <c r="D43" s="240"/>
      <c r="E43" s="240"/>
      <c r="F43" s="2"/>
      <c r="G43" s="2"/>
    </row>
    <row r="44" spans="1:7" ht="20.25" customHeight="1" x14ac:dyDescent="0.4">
      <c r="A44" s="5"/>
      <c r="B44" s="2"/>
      <c r="C44" s="2"/>
      <c r="D44" s="2"/>
      <c r="E44" s="2"/>
      <c r="F44" s="2"/>
      <c r="G44" s="2"/>
    </row>
    <row r="45" spans="1:7" ht="20.25" customHeight="1" x14ac:dyDescent="0.4">
      <c r="A45" s="5"/>
      <c r="B45" s="2"/>
      <c r="C45" s="2"/>
      <c r="D45" s="2"/>
      <c r="E45" s="2"/>
      <c r="F45" s="2"/>
      <c r="G45" s="2"/>
    </row>
    <row r="46" spans="1:7" ht="20.25" customHeight="1" x14ac:dyDescent="0.4">
      <c r="A46" s="5"/>
      <c r="B46" s="2"/>
      <c r="C46" s="2"/>
      <c r="D46" s="2"/>
      <c r="E46" s="2"/>
      <c r="F46" s="2"/>
      <c r="G46" s="2"/>
    </row>
    <row r="47" spans="1:7" ht="20.25" customHeight="1" x14ac:dyDescent="0.4">
      <c r="A47" s="5"/>
      <c r="B47" s="2"/>
      <c r="C47" s="2"/>
      <c r="D47" s="2"/>
      <c r="E47" s="2"/>
      <c r="F47" s="2"/>
      <c r="G47" s="2"/>
    </row>
    <row r="48" spans="1:7" ht="20.25" customHeight="1" x14ac:dyDescent="0.4">
      <c r="A48" s="5"/>
      <c r="B48" s="2"/>
      <c r="C48" s="2"/>
      <c r="D48" s="2"/>
      <c r="E48" s="2"/>
      <c r="F48" s="2"/>
      <c r="G48" s="2"/>
    </row>
    <row r="49" spans="1:7" ht="20.25" customHeight="1" x14ac:dyDescent="0.4">
      <c r="A49" s="5"/>
      <c r="B49" s="2"/>
      <c r="C49" s="2"/>
      <c r="D49" s="2"/>
      <c r="E49" s="2"/>
      <c r="F49" s="2"/>
      <c r="G49" s="2"/>
    </row>
    <row r="50" spans="1:7" ht="20.25" customHeight="1" x14ac:dyDescent="0.4">
      <c r="A50" s="5"/>
      <c r="B50" s="2"/>
      <c r="C50" s="2"/>
      <c r="D50" s="2"/>
      <c r="E50" s="2"/>
      <c r="F50" s="2"/>
      <c r="G50" s="2"/>
    </row>
    <row r="51" spans="1:7" ht="20.25" customHeight="1" x14ac:dyDescent="0.4">
      <c r="A51" s="5"/>
      <c r="B51" s="2"/>
      <c r="C51" s="2"/>
      <c r="D51" s="2"/>
      <c r="E51" s="2"/>
      <c r="F51" s="2"/>
      <c r="G51" s="2"/>
    </row>
    <row r="52" spans="1:7" ht="20.25" customHeight="1" x14ac:dyDescent="0.4">
      <c r="A52" s="5"/>
      <c r="B52" s="2"/>
      <c r="C52" s="2"/>
      <c r="D52" s="2"/>
      <c r="E52" s="2"/>
      <c r="F52" s="2"/>
      <c r="G52" s="2"/>
    </row>
    <row r="53" spans="1:7" ht="20.25" customHeight="1" x14ac:dyDescent="0.4">
      <c r="A53" s="5"/>
      <c r="B53" s="2"/>
      <c r="C53" s="2"/>
      <c r="D53" s="2"/>
      <c r="E53" s="2"/>
      <c r="F53" s="2"/>
      <c r="G53" s="2"/>
    </row>
    <row r="54" spans="1:7" ht="20.25" customHeight="1" x14ac:dyDescent="0.4">
      <c r="A54" s="5"/>
      <c r="B54" s="2"/>
      <c r="C54" s="2"/>
      <c r="D54" s="2"/>
      <c r="E54" s="2"/>
      <c r="F54" s="2"/>
      <c r="G54" s="2"/>
    </row>
    <row r="55" spans="1:7" ht="20.25" customHeight="1" x14ac:dyDescent="0.4">
      <c r="A55" s="5"/>
      <c r="B55" s="2"/>
      <c r="C55" s="2"/>
      <c r="D55" s="2"/>
      <c r="E55" s="2"/>
      <c r="F55" s="2"/>
      <c r="G55" s="2"/>
    </row>
    <row r="56" spans="1:7" ht="20.25" customHeight="1" x14ac:dyDescent="0.4">
      <c r="A56" s="5"/>
      <c r="B56" s="2"/>
      <c r="C56" s="2"/>
      <c r="D56" s="2"/>
      <c r="E56" s="2"/>
      <c r="F56" s="2"/>
      <c r="G56" s="2"/>
    </row>
    <row r="57" spans="1:7" ht="20.25" customHeight="1" x14ac:dyDescent="0.4">
      <c r="A57" s="5"/>
      <c r="B57" s="2"/>
      <c r="C57" s="2"/>
      <c r="D57" s="2"/>
      <c r="E57" s="2"/>
      <c r="F57" s="2"/>
      <c r="G57" s="2"/>
    </row>
    <row r="58" spans="1:7" ht="20.25" customHeight="1" x14ac:dyDescent="0.4">
      <c r="A58" s="5"/>
      <c r="B58" s="2"/>
      <c r="C58" s="2"/>
      <c r="D58" s="2"/>
      <c r="E58" s="2"/>
      <c r="F58" s="2"/>
      <c r="G58" s="2"/>
    </row>
    <row r="59" spans="1:7" ht="20.25" customHeight="1" x14ac:dyDescent="0.4">
      <c r="A59" s="5"/>
      <c r="B59" s="2"/>
      <c r="C59" s="2"/>
      <c r="D59" s="2"/>
      <c r="E59" s="2"/>
      <c r="F59" s="2"/>
      <c r="G59" s="2"/>
    </row>
    <row r="60" spans="1:7" ht="20.25" customHeight="1" x14ac:dyDescent="0.4">
      <c r="A60" s="5"/>
      <c r="B60" s="2"/>
      <c r="C60" s="2"/>
      <c r="D60" s="2"/>
      <c r="E60" s="2"/>
      <c r="F60" s="2"/>
      <c r="G60" s="2"/>
    </row>
    <row r="61" spans="1:7" ht="20.25" customHeight="1" x14ac:dyDescent="0.4">
      <c r="A61" s="5"/>
      <c r="B61" s="2"/>
      <c r="C61" s="2"/>
      <c r="D61" s="2"/>
      <c r="E61" s="2"/>
      <c r="F61" s="2"/>
      <c r="G61" s="2"/>
    </row>
    <row r="62" spans="1:7" ht="20.25" customHeight="1" x14ac:dyDescent="0.4">
      <c r="A62" s="5"/>
      <c r="B62" s="2"/>
      <c r="C62" s="2"/>
      <c r="D62" s="2"/>
      <c r="E62" s="2"/>
      <c r="F62" s="2"/>
      <c r="G62" s="2"/>
    </row>
    <row r="63" spans="1:7" ht="20.25" customHeight="1" x14ac:dyDescent="0.4">
      <c r="A63" s="5"/>
      <c r="B63" s="2"/>
      <c r="C63" s="2"/>
      <c r="D63" s="2"/>
      <c r="E63" s="2"/>
      <c r="F63" s="2"/>
      <c r="G63" s="2"/>
    </row>
    <row r="64" spans="1:7" ht="20.25" customHeight="1" x14ac:dyDescent="0.4">
      <c r="A64" s="5"/>
      <c r="B64" s="2"/>
      <c r="C64" s="2"/>
      <c r="D64" s="2"/>
      <c r="E64" s="2"/>
      <c r="F64" s="2"/>
      <c r="G64" s="2"/>
    </row>
    <row r="65" spans="1:7" ht="20.25" customHeight="1" x14ac:dyDescent="0.4">
      <c r="A65" s="5"/>
      <c r="B65" s="2"/>
      <c r="C65" s="2"/>
      <c r="D65" s="2"/>
      <c r="E65" s="2"/>
      <c r="F65" s="2"/>
      <c r="G65" s="2"/>
    </row>
    <row r="66" spans="1:7" ht="20.25" customHeight="1" x14ac:dyDescent="0.4">
      <c r="A66" s="5"/>
      <c r="B66" s="2"/>
      <c r="C66" s="2"/>
      <c r="D66" s="2"/>
      <c r="E66" s="2"/>
      <c r="F66" s="2"/>
      <c r="G66" s="2"/>
    </row>
    <row r="67" spans="1:7" ht="20.25" customHeight="1" x14ac:dyDescent="0.4">
      <c r="A67" s="5"/>
      <c r="B67" s="2"/>
      <c r="C67" s="2"/>
      <c r="D67" s="2"/>
      <c r="E67" s="2"/>
      <c r="F67" s="2"/>
      <c r="G67" s="2"/>
    </row>
    <row r="68" spans="1:7" ht="20.25" customHeight="1" x14ac:dyDescent="0.4">
      <c r="A68" s="5"/>
      <c r="B68" s="2"/>
      <c r="C68" s="2"/>
      <c r="D68" s="2"/>
      <c r="E68" s="2"/>
      <c r="F68" s="2"/>
      <c r="G68" s="2"/>
    </row>
    <row r="69" spans="1:7" ht="20.25" customHeight="1" x14ac:dyDescent="0.4">
      <c r="A69" s="5"/>
      <c r="B69" s="2"/>
      <c r="C69" s="2"/>
      <c r="D69" s="2"/>
      <c r="E69" s="2"/>
      <c r="F69" s="2"/>
      <c r="G69" s="2"/>
    </row>
    <row r="70" spans="1:7" ht="20.25" customHeight="1" x14ac:dyDescent="0.4">
      <c r="A70" s="5"/>
      <c r="B70" s="2"/>
      <c r="C70" s="2"/>
      <c r="D70" s="2"/>
      <c r="E70" s="2"/>
      <c r="F70" s="2"/>
      <c r="G70" s="2"/>
    </row>
    <row r="71" spans="1:7" ht="20.25" customHeight="1" x14ac:dyDescent="0.4">
      <c r="A71" s="5"/>
      <c r="B71" s="2"/>
      <c r="C71" s="2"/>
      <c r="D71" s="2"/>
      <c r="E71" s="2"/>
      <c r="F71" s="2"/>
      <c r="G71" s="2"/>
    </row>
    <row r="72" spans="1:7" ht="20.25" customHeight="1" x14ac:dyDescent="0.4">
      <c r="A72" s="5"/>
      <c r="B72" s="2"/>
      <c r="C72" s="2"/>
      <c r="D72" s="2"/>
      <c r="E72" s="2"/>
      <c r="F72" s="2"/>
      <c r="G72" s="2"/>
    </row>
    <row r="73" spans="1:7" ht="20.25" customHeight="1" x14ac:dyDescent="0.4">
      <c r="A73" s="5"/>
      <c r="B73" s="2"/>
      <c r="C73" s="2"/>
      <c r="D73" s="2"/>
      <c r="E73" s="2"/>
      <c r="F73" s="2"/>
      <c r="G73" s="2"/>
    </row>
    <row r="74" spans="1:7" ht="20.25" customHeight="1" x14ac:dyDescent="0.4">
      <c r="A74" s="5"/>
      <c r="B74" s="2"/>
      <c r="C74" s="2"/>
      <c r="D74" s="2"/>
      <c r="E74" s="2"/>
      <c r="F74" s="2"/>
      <c r="G74" s="2"/>
    </row>
    <row r="75" spans="1:7" ht="20.25" customHeight="1" x14ac:dyDescent="0.4">
      <c r="A75" s="5"/>
      <c r="B75" s="2"/>
      <c r="C75" s="2"/>
      <c r="D75" s="2"/>
      <c r="E75" s="2"/>
      <c r="F75" s="2"/>
      <c r="G75" s="2"/>
    </row>
    <row r="76" spans="1:7" ht="20.25" customHeight="1" x14ac:dyDescent="0.4">
      <c r="A76" s="5"/>
      <c r="B76" s="2"/>
      <c r="C76" s="2"/>
      <c r="D76" s="2"/>
      <c r="E76" s="2"/>
      <c r="F76" s="2"/>
      <c r="G76" s="2"/>
    </row>
    <row r="77" spans="1:7" ht="20.25" customHeight="1" x14ac:dyDescent="0.4">
      <c r="A77" s="5"/>
      <c r="B77" s="2"/>
      <c r="C77" s="2"/>
      <c r="D77" s="2"/>
      <c r="E77" s="2"/>
      <c r="F77" s="2"/>
      <c r="G77" s="2"/>
    </row>
    <row r="78" spans="1:7" ht="20.25" customHeight="1" x14ac:dyDescent="0.4">
      <c r="A78" s="5"/>
      <c r="B78" s="2"/>
      <c r="C78" s="2"/>
      <c r="D78" s="2"/>
      <c r="E78" s="2"/>
      <c r="F78" s="2"/>
      <c r="G78" s="2"/>
    </row>
    <row r="79" spans="1:7" ht="20.25" customHeight="1" x14ac:dyDescent="0.4">
      <c r="A79" s="5"/>
      <c r="B79" s="2"/>
      <c r="C79" s="2"/>
      <c r="D79" s="2"/>
      <c r="E79" s="2"/>
      <c r="F79" s="2"/>
      <c r="G79" s="2"/>
    </row>
    <row r="80" spans="1:7" ht="20.25" customHeight="1" x14ac:dyDescent="0.4">
      <c r="A80" s="5"/>
      <c r="B80" s="2"/>
      <c r="C80" s="2"/>
      <c r="D80" s="2"/>
      <c r="E80" s="2"/>
      <c r="F80" s="2"/>
      <c r="G80" s="2"/>
    </row>
    <row r="81" spans="1:7" ht="20.25" customHeight="1" x14ac:dyDescent="0.4">
      <c r="A81" s="5"/>
      <c r="B81" s="2"/>
      <c r="C81" s="2"/>
      <c r="D81" s="2"/>
      <c r="E81" s="2"/>
      <c r="F81" s="2"/>
      <c r="G81" s="2"/>
    </row>
    <row r="82" spans="1:7" ht="20.25" customHeight="1" x14ac:dyDescent="0.4">
      <c r="A82" s="5"/>
      <c r="B82" s="2"/>
      <c r="C82" s="2"/>
      <c r="D82" s="2"/>
      <c r="E82" s="2"/>
      <c r="F82" s="2"/>
      <c r="G82" s="2"/>
    </row>
    <row r="83" spans="1:7" ht="20.25" customHeight="1" x14ac:dyDescent="0.4">
      <c r="A83" s="5"/>
      <c r="B83" s="2"/>
      <c r="C83" s="2"/>
      <c r="D83" s="2"/>
      <c r="E83" s="2"/>
      <c r="F83" s="2"/>
      <c r="G83" s="2"/>
    </row>
    <row r="84" spans="1:7" ht="20.25" customHeight="1" x14ac:dyDescent="0.4">
      <c r="A84" s="5"/>
      <c r="B84" s="2"/>
      <c r="C84" s="2"/>
      <c r="D84" s="2"/>
      <c r="E84" s="2"/>
      <c r="F84" s="2"/>
      <c r="G84" s="2"/>
    </row>
    <row r="85" spans="1:7" ht="20.25" customHeight="1" x14ac:dyDescent="0.4">
      <c r="A85" s="5"/>
      <c r="B85" s="2"/>
      <c r="C85" s="2"/>
      <c r="D85" s="2"/>
      <c r="E85" s="2"/>
      <c r="F85" s="2"/>
      <c r="G85" s="2"/>
    </row>
    <row r="86" spans="1:7" ht="20.25" customHeight="1" x14ac:dyDescent="0.4">
      <c r="A86" s="5"/>
      <c r="B86" s="2"/>
      <c r="C86" s="2"/>
      <c r="D86" s="2"/>
      <c r="E86" s="2"/>
      <c r="F86" s="2"/>
      <c r="G86" s="2"/>
    </row>
    <row r="87" spans="1:7" ht="20.25" customHeight="1" x14ac:dyDescent="0.4">
      <c r="A87" s="5"/>
      <c r="B87" s="2"/>
      <c r="C87" s="2"/>
      <c r="D87" s="2"/>
      <c r="E87" s="2"/>
      <c r="F87" s="2"/>
      <c r="G87" s="2"/>
    </row>
    <row r="88" spans="1:7" ht="20.25" customHeight="1" x14ac:dyDescent="0.4">
      <c r="A88" s="5"/>
      <c r="B88" s="2"/>
      <c r="C88" s="2"/>
      <c r="D88" s="2"/>
      <c r="E88" s="2"/>
      <c r="F88" s="2"/>
      <c r="G88" s="2"/>
    </row>
    <row r="89" spans="1:7" ht="20.25" customHeight="1" x14ac:dyDescent="0.4">
      <c r="A89" s="5"/>
      <c r="B89" s="2"/>
      <c r="C89" s="2"/>
      <c r="D89" s="2"/>
      <c r="E89" s="2"/>
      <c r="F89" s="2"/>
      <c r="G89" s="2"/>
    </row>
    <row r="90" spans="1:7" ht="20.25" customHeight="1" x14ac:dyDescent="0.4">
      <c r="A90" s="5"/>
      <c r="B90" s="2"/>
      <c r="C90" s="2"/>
      <c r="D90" s="2"/>
      <c r="E90" s="2"/>
      <c r="F90" s="2"/>
      <c r="G90" s="2"/>
    </row>
    <row r="91" spans="1:7" ht="20.25" customHeight="1" x14ac:dyDescent="0.4">
      <c r="A91" s="5"/>
      <c r="B91" s="2"/>
      <c r="C91" s="2"/>
      <c r="D91" s="2"/>
      <c r="E91" s="2"/>
      <c r="F91" s="2"/>
      <c r="G91" s="2"/>
    </row>
    <row r="92" spans="1:7" ht="20.25" customHeight="1" x14ac:dyDescent="0.4">
      <c r="A92" s="5"/>
      <c r="B92" s="2"/>
      <c r="C92" s="2"/>
      <c r="D92" s="2"/>
      <c r="E92" s="2"/>
      <c r="F92" s="2"/>
      <c r="G92" s="2"/>
    </row>
    <row r="93" spans="1:7" ht="20.25" customHeight="1" x14ac:dyDescent="0.4">
      <c r="A93" s="5"/>
      <c r="B93" s="2"/>
      <c r="C93" s="2"/>
      <c r="D93" s="2"/>
      <c r="E93" s="2"/>
      <c r="F93" s="2"/>
      <c r="G93" s="2"/>
    </row>
    <row r="94" spans="1:7" ht="20.25" customHeight="1" x14ac:dyDescent="0.4">
      <c r="A94" s="5"/>
      <c r="B94" s="2"/>
      <c r="C94" s="2"/>
      <c r="D94" s="2"/>
      <c r="E94" s="2"/>
      <c r="F94" s="2"/>
      <c r="G94" s="2"/>
    </row>
    <row r="95" spans="1:7" ht="20.25" customHeight="1" x14ac:dyDescent="0.4">
      <c r="A95" s="5"/>
      <c r="B95" s="2"/>
      <c r="C95" s="2"/>
      <c r="D95" s="2"/>
      <c r="E95" s="2"/>
      <c r="F95" s="2"/>
      <c r="G95" s="2"/>
    </row>
    <row r="96" spans="1:7" ht="20.25" customHeight="1" x14ac:dyDescent="0.4">
      <c r="A96" s="5"/>
      <c r="B96" s="2"/>
      <c r="C96" s="2"/>
      <c r="D96" s="2"/>
      <c r="E96" s="2"/>
      <c r="F96" s="2"/>
      <c r="G96" s="2"/>
    </row>
    <row r="97" spans="1:7" ht="20.25" customHeight="1" x14ac:dyDescent="0.4">
      <c r="A97" s="5"/>
      <c r="B97" s="2"/>
      <c r="C97" s="2"/>
      <c r="D97" s="2"/>
      <c r="E97" s="2"/>
      <c r="F97" s="2"/>
      <c r="G97" s="2"/>
    </row>
    <row r="98" spans="1:7" ht="20.25" customHeight="1" x14ac:dyDescent="0.4">
      <c r="A98" s="5"/>
      <c r="B98" s="2"/>
      <c r="C98" s="2"/>
      <c r="D98" s="2"/>
      <c r="E98" s="2"/>
      <c r="F98" s="2"/>
      <c r="G98" s="2"/>
    </row>
    <row r="99" spans="1:7" ht="20.25" customHeight="1" x14ac:dyDescent="0.4">
      <c r="A99" s="5"/>
      <c r="B99" s="2"/>
      <c r="C99" s="2"/>
      <c r="D99" s="2"/>
      <c r="E99" s="2"/>
      <c r="F99" s="2"/>
      <c r="G99" s="2"/>
    </row>
    <row r="100" spans="1:7" ht="20.25" customHeight="1" x14ac:dyDescent="0.4">
      <c r="A100" s="5"/>
      <c r="B100" s="2"/>
      <c r="C100" s="2"/>
      <c r="D100" s="2"/>
      <c r="E100" s="2"/>
      <c r="F100" s="2"/>
      <c r="G100" s="2"/>
    </row>
    <row r="101" spans="1:7" ht="20.25" customHeight="1" x14ac:dyDescent="0.4">
      <c r="A101" s="5"/>
      <c r="B101" s="2"/>
      <c r="C101" s="2"/>
      <c r="D101" s="2"/>
      <c r="E101" s="2"/>
      <c r="F101" s="2"/>
      <c r="G101" s="2"/>
    </row>
    <row r="102" spans="1:7" ht="20.25" customHeight="1" x14ac:dyDescent="0.4">
      <c r="A102" s="5"/>
      <c r="B102" s="2"/>
      <c r="C102" s="2"/>
      <c r="D102" s="2"/>
      <c r="E102" s="2"/>
      <c r="F102" s="2"/>
      <c r="G102" s="2"/>
    </row>
    <row r="103" spans="1:7" ht="20.25" customHeight="1" x14ac:dyDescent="0.4">
      <c r="A103" s="5"/>
      <c r="B103" s="2"/>
      <c r="C103" s="2"/>
      <c r="D103" s="2"/>
      <c r="E103" s="2"/>
      <c r="F103" s="2"/>
      <c r="G103" s="2"/>
    </row>
    <row r="104" spans="1:7" ht="20.25" customHeight="1" x14ac:dyDescent="0.4">
      <c r="A104" s="5"/>
      <c r="B104" s="2"/>
      <c r="C104" s="2"/>
      <c r="D104" s="2"/>
      <c r="E104" s="2"/>
      <c r="F104" s="2"/>
      <c r="G104" s="2"/>
    </row>
    <row r="105" spans="1:7" ht="20.25" customHeight="1" x14ac:dyDescent="0.4">
      <c r="A105" s="5"/>
      <c r="B105" s="2"/>
      <c r="C105" s="2"/>
      <c r="D105" s="2"/>
      <c r="E105" s="2"/>
      <c r="F105" s="2"/>
      <c r="G105" s="2"/>
    </row>
    <row r="106" spans="1:7" ht="20.25" customHeight="1" x14ac:dyDescent="0.4">
      <c r="A106" s="5"/>
      <c r="B106" s="2"/>
      <c r="C106" s="2"/>
      <c r="D106" s="2"/>
      <c r="E106" s="2"/>
      <c r="F106" s="2"/>
      <c r="G106" s="2"/>
    </row>
    <row r="107" spans="1:7" ht="20.25" customHeight="1" x14ac:dyDescent="0.4">
      <c r="A107" s="5"/>
      <c r="B107" s="2"/>
      <c r="C107" s="2"/>
      <c r="D107" s="2"/>
      <c r="E107" s="2"/>
      <c r="F107" s="2"/>
      <c r="G107" s="2"/>
    </row>
    <row r="108" spans="1:7" ht="20.25" customHeight="1" x14ac:dyDescent="0.4">
      <c r="A108" s="5"/>
      <c r="B108" s="2"/>
      <c r="C108" s="2"/>
      <c r="D108" s="2"/>
      <c r="E108" s="2"/>
      <c r="F108" s="2"/>
      <c r="G108" s="2"/>
    </row>
    <row r="109" spans="1:7" ht="20.25" customHeight="1" x14ac:dyDescent="0.4">
      <c r="A109" s="5"/>
      <c r="B109" s="2"/>
      <c r="C109" s="2"/>
      <c r="D109" s="2"/>
      <c r="E109" s="2"/>
      <c r="F109" s="2"/>
      <c r="G109" s="2"/>
    </row>
    <row r="110" spans="1:7" ht="20.25" customHeight="1" x14ac:dyDescent="0.4">
      <c r="A110" s="5"/>
      <c r="B110" s="2"/>
      <c r="C110" s="2"/>
      <c r="D110" s="2"/>
      <c r="E110" s="2"/>
      <c r="F110" s="2"/>
      <c r="G110" s="2"/>
    </row>
    <row r="111" spans="1:7" ht="20.25" customHeight="1" x14ac:dyDescent="0.4">
      <c r="A111" s="5"/>
      <c r="B111" s="2"/>
      <c r="C111" s="2"/>
      <c r="D111" s="2"/>
      <c r="E111" s="2"/>
      <c r="F111" s="2"/>
      <c r="G111" s="2"/>
    </row>
    <row r="112" spans="1:7" ht="20.25" customHeight="1" x14ac:dyDescent="0.4">
      <c r="A112" s="5"/>
      <c r="B112" s="2"/>
      <c r="C112" s="2"/>
      <c r="D112" s="2"/>
      <c r="E112" s="2"/>
      <c r="F112" s="2"/>
      <c r="G112" s="2"/>
    </row>
    <row r="113" spans="1:7" ht="20.25" customHeight="1" x14ac:dyDescent="0.4">
      <c r="A113" s="5"/>
      <c r="B113" s="2"/>
      <c r="C113" s="2"/>
      <c r="D113" s="2"/>
      <c r="E113" s="2"/>
      <c r="F113" s="2"/>
      <c r="G113" s="2"/>
    </row>
    <row r="114" spans="1:7" ht="20.25" customHeight="1" x14ac:dyDescent="0.4">
      <c r="A114" s="5"/>
      <c r="B114" s="2"/>
      <c r="C114" s="2"/>
      <c r="D114" s="2"/>
      <c r="E114" s="2"/>
      <c r="F114" s="2"/>
      <c r="G114" s="2"/>
    </row>
    <row r="115" spans="1:7" ht="20.25" customHeight="1" x14ac:dyDescent="0.4">
      <c r="A115" s="5"/>
      <c r="B115" s="2"/>
      <c r="C115" s="2"/>
      <c r="D115" s="2"/>
      <c r="E115" s="2"/>
      <c r="F115" s="2"/>
      <c r="G115" s="2"/>
    </row>
    <row r="116" spans="1:7" ht="20.25" customHeight="1" x14ac:dyDescent="0.4">
      <c r="A116" s="5"/>
      <c r="B116" s="2"/>
      <c r="C116" s="2"/>
      <c r="D116" s="2"/>
      <c r="E116" s="2"/>
      <c r="F116" s="2"/>
      <c r="G116" s="2"/>
    </row>
    <row r="117" spans="1:7" ht="20.25" customHeight="1" x14ac:dyDescent="0.4">
      <c r="A117" s="5"/>
      <c r="B117" s="2"/>
      <c r="C117" s="2"/>
      <c r="D117" s="2"/>
      <c r="E117" s="2"/>
      <c r="F117" s="2"/>
      <c r="G117" s="2"/>
    </row>
    <row r="118" spans="1:7" ht="20.25" customHeight="1" x14ac:dyDescent="0.4">
      <c r="A118" s="5"/>
      <c r="B118" s="2"/>
      <c r="C118" s="2"/>
      <c r="D118" s="2"/>
      <c r="E118" s="2"/>
      <c r="F118" s="2"/>
      <c r="G118" s="2"/>
    </row>
    <row r="119" spans="1:7" ht="20.25" customHeight="1" x14ac:dyDescent="0.4">
      <c r="A119" s="5"/>
      <c r="B119" s="2"/>
      <c r="C119" s="2"/>
      <c r="D119" s="2"/>
      <c r="E119" s="2"/>
      <c r="F119" s="2"/>
      <c r="G119" s="2"/>
    </row>
    <row r="120" spans="1:7" ht="20.25" customHeight="1" x14ac:dyDescent="0.4">
      <c r="A120" s="5"/>
      <c r="B120" s="2"/>
      <c r="C120" s="2"/>
      <c r="D120" s="2"/>
      <c r="E120" s="2"/>
      <c r="F120" s="2"/>
      <c r="G120" s="2"/>
    </row>
    <row r="121" spans="1:7" ht="20.25" customHeight="1" x14ac:dyDescent="0.4">
      <c r="A121" s="5"/>
      <c r="B121" s="2"/>
      <c r="C121" s="2"/>
      <c r="D121" s="2"/>
      <c r="E121" s="2"/>
      <c r="F121" s="2"/>
      <c r="G121" s="2"/>
    </row>
    <row r="122" spans="1:7" ht="20.25" customHeight="1" x14ac:dyDescent="0.4">
      <c r="A122" s="5"/>
      <c r="B122" s="2"/>
      <c r="C122" s="2"/>
      <c r="D122" s="2"/>
      <c r="E122" s="2"/>
      <c r="F122" s="2"/>
      <c r="G122" s="2"/>
    </row>
    <row r="123" spans="1:7" ht="20.25" customHeight="1" x14ac:dyDescent="0.4">
      <c r="A123" s="5"/>
      <c r="B123" s="2"/>
      <c r="C123" s="2"/>
      <c r="D123" s="2"/>
      <c r="E123" s="2"/>
      <c r="F123" s="2"/>
      <c r="G123" s="2"/>
    </row>
    <row r="124" spans="1:7" ht="20.25" customHeight="1" x14ac:dyDescent="0.4">
      <c r="A124" s="5"/>
      <c r="B124" s="2"/>
      <c r="C124" s="2"/>
      <c r="D124" s="2"/>
      <c r="E124" s="2"/>
      <c r="F124" s="2"/>
      <c r="G124" s="2"/>
    </row>
    <row r="125" spans="1:7" ht="20.25" customHeight="1" x14ac:dyDescent="0.4">
      <c r="A125" s="5"/>
      <c r="B125" s="2"/>
      <c r="C125" s="2"/>
      <c r="D125" s="2"/>
      <c r="E125" s="2"/>
      <c r="F125" s="2"/>
      <c r="G125" s="2"/>
    </row>
    <row r="126" spans="1:7" ht="20.25" customHeight="1" x14ac:dyDescent="0.4">
      <c r="A126" s="5"/>
      <c r="B126" s="2"/>
      <c r="C126" s="2"/>
      <c r="D126" s="2"/>
      <c r="E126" s="2"/>
      <c r="F126" s="2"/>
      <c r="G126" s="2"/>
    </row>
    <row r="127" spans="1:7" ht="20.25" customHeight="1" x14ac:dyDescent="0.4">
      <c r="A127" s="5"/>
      <c r="B127" s="2"/>
      <c r="C127" s="2"/>
      <c r="D127" s="2"/>
      <c r="E127" s="2"/>
      <c r="F127" s="2"/>
      <c r="G127" s="2"/>
    </row>
    <row r="128" spans="1:7" ht="20.25" customHeight="1" x14ac:dyDescent="0.4">
      <c r="A128" s="5"/>
      <c r="B128" s="2"/>
      <c r="C128" s="2"/>
      <c r="D128" s="2"/>
      <c r="E128" s="2"/>
      <c r="F128" s="2"/>
      <c r="G128" s="2"/>
    </row>
    <row r="129" spans="1:7" ht="20.25" customHeight="1" x14ac:dyDescent="0.4">
      <c r="A129" s="5"/>
      <c r="B129" s="2"/>
      <c r="C129" s="2"/>
      <c r="D129" s="2"/>
      <c r="E129" s="2"/>
      <c r="F129" s="2"/>
      <c r="G129" s="2"/>
    </row>
    <row r="130" spans="1:7" ht="20.25" customHeight="1" x14ac:dyDescent="0.4">
      <c r="A130" s="5"/>
      <c r="B130" s="2"/>
      <c r="C130" s="2"/>
      <c r="D130" s="2"/>
      <c r="E130" s="2"/>
      <c r="F130" s="2"/>
      <c r="G130" s="2"/>
    </row>
    <row r="131" spans="1:7" ht="20.25" customHeight="1" x14ac:dyDescent="0.4">
      <c r="A131" s="5"/>
      <c r="B131" s="2"/>
      <c r="C131" s="2"/>
      <c r="D131" s="2"/>
      <c r="E131" s="2"/>
      <c r="F131" s="2"/>
      <c r="G131" s="2"/>
    </row>
    <row r="132" spans="1:7" ht="20.25" customHeight="1" x14ac:dyDescent="0.4">
      <c r="A132" s="5"/>
      <c r="B132" s="2"/>
      <c r="C132" s="2"/>
      <c r="D132" s="2"/>
      <c r="E132" s="2"/>
      <c r="F132" s="2"/>
      <c r="G132" s="2"/>
    </row>
    <row r="133" spans="1:7" ht="20.25" customHeight="1" x14ac:dyDescent="0.4">
      <c r="A133" s="5"/>
      <c r="B133" s="2"/>
      <c r="C133" s="2"/>
      <c r="D133" s="2"/>
      <c r="E133" s="2"/>
      <c r="F133" s="2"/>
      <c r="G133" s="2"/>
    </row>
    <row r="134" spans="1:7" ht="20.25" customHeight="1" x14ac:dyDescent="0.4">
      <c r="A134" s="5"/>
      <c r="B134" s="2"/>
      <c r="C134" s="2"/>
      <c r="D134" s="2"/>
      <c r="E134" s="2"/>
      <c r="F134" s="2"/>
      <c r="G134" s="2"/>
    </row>
    <row r="135" spans="1:7" ht="20.25" customHeight="1" x14ac:dyDescent="0.4">
      <c r="A135" s="5"/>
      <c r="B135" s="2"/>
      <c r="C135" s="2"/>
      <c r="D135" s="2"/>
      <c r="E135" s="2"/>
      <c r="F135" s="2"/>
      <c r="G135" s="2"/>
    </row>
    <row r="136" spans="1:7" ht="20.25" customHeight="1" x14ac:dyDescent="0.4">
      <c r="A136" s="5"/>
      <c r="B136" s="2"/>
      <c r="C136" s="2"/>
      <c r="D136" s="2"/>
      <c r="E136" s="2"/>
      <c r="F136" s="2"/>
      <c r="G136" s="2"/>
    </row>
    <row r="137" spans="1:7" ht="20.25" customHeight="1" x14ac:dyDescent="0.4">
      <c r="A137" s="5"/>
      <c r="B137" s="2"/>
      <c r="C137" s="2"/>
      <c r="D137" s="2"/>
      <c r="E137" s="2"/>
      <c r="F137" s="2"/>
      <c r="G137" s="2"/>
    </row>
    <row r="138" spans="1:7" ht="20.25" customHeight="1" x14ac:dyDescent="0.4">
      <c r="A138" s="5"/>
      <c r="B138" s="2"/>
      <c r="C138" s="2"/>
      <c r="D138" s="2"/>
      <c r="E138" s="2"/>
      <c r="F138" s="2"/>
      <c r="G138" s="2"/>
    </row>
    <row r="139" spans="1:7" ht="20.25" customHeight="1" x14ac:dyDescent="0.4">
      <c r="A139" s="5"/>
      <c r="B139" s="2"/>
      <c r="C139" s="2"/>
      <c r="D139" s="2"/>
      <c r="E139" s="2"/>
      <c r="F139" s="2"/>
      <c r="G139" s="2"/>
    </row>
    <row r="140" spans="1:7" ht="20.25" customHeight="1" x14ac:dyDescent="0.4">
      <c r="A140" s="5"/>
      <c r="B140" s="2"/>
      <c r="C140" s="2"/>
      <c r="D140" s="2"/>
      <c r="E140" s="2"/>
      <c r="F140" s="2"/>
      <c r="G140" s="2"/>
    </row>
    <row r="141" spans="1:7" ht="20.25" customHeight="1" x14ac:dyDescent="0.4">
      <c r="A141" s="5"/>
      <c r="B141" s="2"/>
      <c r="C141" s="2"/>
      <c r="D141" s="2"/>
      <c r="E141" s="2"/>
      <c r="F141" s="2"/>
      <c r="G141" s="2"/>
    </row>
    <row r="142" spans="1:7" ht="20.25" customHeight="1" x14ac:dyDescent="0.4">
      <c r="A142" s="5"/>
      <c r="B142" s="2"/>
      <c r="C142" s="2"/>
      <c r="D142" s="2"/>
      <c r="E142" s="2"/>
      <c r="F142" s="2"/>
      <c r="G142" s="2"/>
    </row>
    <row r="143" spans="1:7" ht="20.25" customHeight="1" x14ac:dyDescent="0.4">
      <c r="A143" s="5"/>
      <c r="B143" s="2"/>
      <c r="C143" s="2"/>
      <c r="D143" s="2"/>
      <c r="E143" s="2"/>
      <c r="F143" s="2"/>
      <c r="G143" s="2"/>
    </row>
    <row r="144" spans="1:7" ht="20.25" customHeight="1" x14ac:dyDescent="0.4">
      <c r="A144" s="5"/>
      <c r="B144" s="2"/>
      <c r="C144" s="2"/>
      <c r="D144" s="2"/>
      <c r="E144" s="2"/>
      <c r="F144" s="2"/>
      <c r="G144" s="2"/>
    </row>
    <row r="145" spans="1:7" ht="20.25" customHeight="1" x14ac:dyDescent="0.4">
      <c r="A145" s="5"/>
      <c r="B145" s="2"/>
      <c r="C145" s="2"/>
      <c r="D145" s="2"/>
      <c r="E145" s="2"/>
      <c r="F145" s="2"/>
      <c r="G145" s="2"/>
    </row>
    <row r="146" spans="1:7" ht="20.25" customHeight="1" x14ac:dyDescent="0.4">
      <c r="A146" s="5"/>
      <c r="B146" s="2"/>
      <c r="C146" s="2"/>
      <c r="D146" s="2"/>
      <c r="E146" s="2"/>
      <c r="F146" s="2"/>
      <c r="G146" s="2"/>
    </row>
    <row r="147" spans="1:7" ht="20.25" customHeight="1" x14ac:dyDescent="0.4">
      <c r="A147" s="5"/>
      <c r="B147" s="2"/>
      <c r="C147" s="2"/>
      <c r="D147" s="2"/>
      <c r="E147" s="2"/>
      <c r="F147" s="2"/>
      <c r="G147" s="2"/>
    </row>
    <row r="148" spans="1:7" ht="20.25" customHeight="1" x14ac:dyDescent="0.4">
      <c r="A148" s="5"/>
      <c r="B148" s="2"/>
      <c r="C148" s="2"/>
      <c r="D148" s="2"/>
      <c r="E148" s="2"/>
      <c r="F148" s="2"/>
      <c r="G148" s="2"/>
    </row>
    <row r="149" spans="1:7" ht="20.25" customHeight="1" x14ac:dyDescent="0.4">
      <c r="A149" s="5"/>
      <c r="B149" s="2"/>
      <c r="C149" s="2"/>
      <c r="D149" s="2"/>
      <c r="E149" s="2"/>
      <c r="F149" s="2"/>
      <c r="G149" s="2"/>
    </row>
    <row r="150" spans="1:7" ht="20.25" customHeight="1" x14ac:dyDescent="0.4">
      <c r="A150" s="5"/>
      <c r="B150" s="2"/>
      <c r="C150" s="2"/>
      <c r="D150" s="2"/>
      <c r="E150" s="2"/>
      <c r="F150" s="2"/>
      <c r="G150" s="2"/>
    </row>
    <row r="151" spans="1:7" ht="20.25" customHeight="1" x14ac:dyDescent="0.4">
      <c r="A151" s="5"/>
      <c r="B151" s="2"/>
      <c r="C151" s="2"/>
      <c r="D151" s="2"/>
      <c r="E151" s="2"/>
      <c r="F151" s="2"/>
      <c r="G151" s="2"/>
    </row>
    <row r="152" spans="1:7" ht="20.25" customHeight="1" x14ac:dyDescent="0.4">
      <c r="A152" s="5"/>
      <c r="B152" s="2"/>
      <c r="C152" s="2"/>
      <c r="D152" s="2"/>
      <c r="E152" s="2"/>
      <c r="F152" s="2"/>
      <c r="G152" s="2"/>
    </row>
    <row r="153" spans="1:7" ht="20.25" customHeight="1" x14ac:dyDescent="0.4">
      <c r="A153" s="5"/>
      <c r="B153" s="2"/>
      <c r="C153" s="2"/>
      <c r="D153" s="2"/>
      <c r="E153" s="2"/>
      <c r="F153" s="2"/>
      <c r="G153" s="2"/>
    </row>
    <row r="154" spans="1:7" ht="20.25" customHeight="1" x14ac:dyDescent="0.4">
      <c r="A154" s="5"/>
      <c r="B154" s="2"/>
      <c r="C154" s="2"/>
      <c r="D154" s="2"/>
      <c r="E154" s="2"/>
      <c r="F154" s="2"/>
      <c r="G154" s="2"/>
    </row>
    <row r="155" spans="1:7" ht="20.25" customHeight="1" x14ac:dyDescent="0.4">
      <c r="A155" s="5"/>
      <c r="B155" s="2"/>
      <c r="C155" s="2"/>
      <c r="D155" s="2"/>
      <c r="E155" s="2"/>
      <c r="F155" s="2"/>
      <c r="G155" s="2"/>
    </row>
    <row r="156" spans="1:7" ht="20.25" customHeight="1" x14ac:dyDescent="0.4">
      <c r="A156" s="5"/>
      <c r="B156" s="2"/>
      <c r="C156" s="2"/>
      <c r="D156" s="2"/>
      <c r="E156" s="2"/>
      <c r="F156" s="2"/>
      <c r="G156" s="2"/>
    </row>
    <row r="157" spans="1:7" ht="20.25" customHeight="1" x14ac:dyDescent="0.4">
      <c r="A157" s="5"/>
      <c r="B157" s="2"/>
      <c r="C157" s="2"/>
      <c r="D157" s="2"/>
      <c r="E157" s="2"/>
      <c r="F157" s="2"/>
      <c r="G157" s="2"/>
    </row>
    <row r="158" spans="1:7" ht="20.25" customHeight="1" x14ac:dyDescent="0.4">
      <c r="A158" s="5"/>
      <c r="B158" s="2"/>
      <c r="C158" s="2"/>
      <c r="D158" s="2"/>
      <c r="E158" s="2"/>
      <c r="F158" s="2"/>
      <c r="G158" s="2"/>
    </row>
    <row r="159" spans="1:7" ht="20.25" customHeight="1" x14ac:dyDescent="0.4">
      <c r="A159" s="5"/>
      <c r="B159" s="2"/>
      <c r="C159" s="2"/>
      <c r="D159" s="2"/>
      <c r="E159" s="2"/>
      <c r="F159" s="2"/>
      <c r="G159" s="2"/>
    </row>
    <row r="160" spans="1:7" ht="20.25" customHeight="1" x14ac:dyDescent="0.4">
      <c r="A160" s="5"/>
      <c r="B160" s="2"/>
      <c r="C160" s="2"/>
      <c r="D160" s="2"/>
      <c r="E160" s="2"/>
      <c r="F160" s="2"/>
      <c r="G160" s="2"/>
    </row>
    <row r="161" spans="1:7" ht="20.25" customHeight="1" x14ac:dyDescent="0.4">
      <c r="A161" s="5"/>
      <c r="B161" s="2"/>
      <c r="C161" s="2"/>
      <c r="D161" s="2"/>
      <c r="E161" s="2"/>
      <c r="F161" s="2"/>
      <c r="G161" s="2"/>
    </row>
    <row r="162" spans="1:7" ht="20.25" customHeight="1" x14ac:dyDescent="0.4">
      <c r="A162" s="5"/>
      <c r="B162" s="2"/>
      <c r="C162" s="2"/>
      <c r="D162" s="2"/>
      <c r="E162" s="2"/>
      <c r="F162" s="2"/>
      <c r="G162" s="2"/>
    </row>
    <row r="163" spans="1:7" ht="20.25" customHeight="1" x14ac:dyDescent="0.4">
      <c r="A163" s="5"/>
      <c r="B163" s="2"/>
      <c r="C163" s="2"/>
      <c r="D163" s="2"/>
      <c r="E163" s="2"/>
      <c r="F163" s="2"/>
      <c r="G163" s="2"/>
    </row>
    <row r="164" spans="1:7" ht="20.25" customHeight="1" x14ac:dyDescent="0.4">
      <c r="A164" s="5"/>
      <c r="B164" s="2"/>
      <c r="C164" s="2"/>
      <c r="D164" s="2"/>
      <c r="E164" s="2"/>
      <c r="F164" s="2"/>
      <c r="G164" s="2"/>
    </row>
    <row r="165" spans="1:7" ht="20.25" customHeight="1" x14ac:dyDescent="0.4">
      <c r="A165" s="5"/>
      <c r="B165" s="2"/>
      <c r="C165" s="2"/>
      <c r="D165" s="2"/>
      <c r="E165" s="2"/>
      <c r="F165" s="2"/>
      <c r="G165" s="2"/>
    </row>
    <row r="166" spans="1:7" ht="20.25" customHeight="1" x14ac:dyDescent="0.4">
      <c r="A166" s="5"/>
      <c r="B166" s="2"/>
      <c r="C166" s="2"/>
      <c r="D166" s="2"/>
      <c r="E166" s="2"/>
      <c r="F166" s="2"/>
      <c r="G166" s="2"/>
    </row>
    <row r="167" spans="1:7" ht="20.25" customHeight="1" x14ac:dyDescent="0.4">
      <c r="A167" s="5"/>
      <c r="B167" s="2"/>
      <c r="C167" s="2"/>
      <c r="D167" s="2"/>
      <c r="E167" s="2"/>
      <c r="F167" s="2"/>
      <c r="G167" s="2"/>
    </row>
    <row r="168" spans="1:7" ht="20.25" customHeight="1" x14ac:dyDescent="0.4">
      <c r="A168" s="5"/>
      <c r="B168" s="2"/>
      <c r="C168" s="2"/>
      <c r="D168" s="2"/>
      <c r="E168" s="2"/>
      <c r="F168" s="2"/>
      <c r="G168" s="2"/>
    </row>
    <row r="169" spans="1:7" ht="20.25" customHeight="1" x14ac:dyDescent="0.4">
      <c r="A169" s="5"/>
      <c r="B169" s="2"/>
      <c r="C169" s="2"/>
      <c r="D169" s="2"/>
      <c r="E169" s="2"/>
      <c r="F169" s="2"/>
      <c r="G169" s="2"/>
    </row>
    <row r="170" spans="1:7" ht="20.25" customHeight="1" x14ac:dyDescent="0.4">
      <c r="A170" s="5"/>
      <c r="B170" s="2"/>
      <c r="C170" s="2"/>
      <c r="D170" s="2"/>
      <c r="E170" s="2"/>
      <c r="F170" s="2"/>
      <c r="G170" s="2"/>
    </row>
    <row r="171" spans="1:7" ht="20.25" customHeight="1" x14ac:dyDescent="0.4">
      <c r="A171" s="5"/>
      <c r="B171" s="2"/>
      <c r="C171" s="2"/>
      <c r="D171" s="2"/>
      <c r="E171" s="2"/>
      <c r="F171" s="2"/>
      <c r="G171" s="2"/>
    </row>
    <row r="172" spans="1:7" ht="20.25" customHeight="1" x14ac:dyDescent="0.4">
      <c r="A172" s="5"/>
      <c r="B172" s="2"/>
      <c r="C172" s="2"/>
      <c r="D172" s="2"/>
      <c r="E172" s="2"/>
      <c r="F172" s="2"/>
      <c r="G172" s="2"/>
    </row>
    <row r="173" spans="1:7" ht="20.25" customHeight="1" x14ac:dyDescent="0.4">
      <c r="A173" s="5"/>
      <c r="B173" s="2"/>
      <c r="C173" s="2"/>
      <c r="D173" s="2"/>
      <c r="E173" s="2"/>
      <c r="F173" s="2"/>
      <c r="G173" s="2"/>
    </row>
    <row r="174" spans="1:7" ht="20.25" customHeight="1" x14ac:dyDescent="0.4">
      <c r="A174" s="5"/>
      <c r="B174" s="2"/>
      <c r="C174" s="2"/>
      <c r="D174" s="2"/>
      <c r="E174" s="2"/>
      <c r="F174" s="2"/>
      <c r="G174" s="2"/>
    </row>
    <row r="175" spans="1:7" ht="20.25" customHeight="1" x14ac:dyDescent="0.4">
      <c r="A175" s="5"/>
      <c r="B175" s="2"/>
      <c r="C175" s="2"/>
      <c r="D175" s="2"/>
      <c r="E175" s="2"/>
      <c r="F175" s="2"/>
      <c r="G175" s="2"/>
    </row>
    <row r="176" spans="1:7" ht="20.25" customHeight="1" x14ac:dyDescent="0.4">
      <c r="A176" s="5"/>
      <c r="B176" s="2"/>
      <c r="C176" s="2"/>
      <c r="D176" s="2"/>
      <c r="E176" s="2"/>
      <c r="F176" s="2"/>
      <c r="G176" s="2"/>
    </row>
    <row r="177" spans="1:7" ht="20.25" customHeight="1" x14ac:dyDescent="0.4">
      <c r="A177" s="5"/>
      <c r="B177" s="2"/>
      <c r="C177" s="2"/>
      <c r="D177" s="2"/>
      <c r="E177" s="2"/>
      <c r="F177" s="2"/>
      <c r="G177" s="2"/>
    </row>
    <row r="178" spans="1:7" ht="20.25" customHeight="1" x14ac:dyDescent="0.4">
      <c r="A178" s="5"/>
      <c r="B178" s="2"/>
      <c r="C178" s="2"/>
      <c r="D178" s="2"/>
      <c r="E178" s="2"/>
      <c r="F178" s="2"/>
      <c r="G178" s="2"/>
    </row>
    <row r="179" spans="1:7" ht="20.25" customHeight="1" x14ac:dyDescent="0.4">
      <c r="A179" s="5"/>
      <c r="B179" s="2"/>
      <c r="C179" s="2"/>
      <c r="D179" s="2"/>
      <c r="E179" s="2"/>
      <c r="F179" s="2"/>
      <c r="G179" s="2"/>
    </row>
    <row r="180" spans="1:7" ht="20.25" customHeight="1" x14ac:dyDescent="0.4">
      <c r="A180" s="5"/>
      <c r="B180" s="2"/>
      <c r="C180" s="2"/>
      <c r="D180" s="2"/>
      <c r="E180" s="2"/>
      <c r="F180" s="2"/>
      <c r="G180" s="2"/>
    </row>
    <row r="181" spans="1:7" ht="20.25" customHeight="1" x14ac:dyDescent="0.4">
      <c r="A181" s="5"/>
      <c r="B181" s="2"/>
      <c r="C181" s="2"/>
      <c r="D181" s="2"/>
      <c r="E181" s="2"/>
      <c r="F181" s="2"/>
      <c r="G181" s="2"/>
    </row>
    <row r="182" spans="1:7" ht="20.25" customHeight="1" x14ac:dyDescent="0.4">
      <c r="A182" s="5"/>
      <c r="B182" s="2"/>
      <c r="C182" s="2"/>
      <c r="D182" s="2"/>
      <c r="E182" s="2"/>
      <c r="F182" s="2"/>
      <c r="G182" s="2"/>
    </row>
    <row r="183" spans="1:7" ht="20.25" customHeight="1" x14ac:dyDescent="0.4">
      <c r="A183" s="5"/>
      <c r="B183" s="2"/>
      <c r="C183" s="2"/>
      <c r="D183" s="2"/>
      <c r="E183" s="2"/>
      <c r="F183" s="2"/>
      <c r="G183" s="2"/>
    </row>
    <row r="184" spans="1:7" ht="20.25" customHeight="1" x14ac:dyDescent="0.4">
      <c r="A184" s="5"/>
      <c r="B184" s="2"/>
      <c r="C184" s="2"/>
      <c r="D184" s="2"/>
      <c r="E184" s="2"/>
      <c r="F184" s="2"/>
      <c r="G184" s="2"/>
    </row>
    <row r="185" spans="1:7" ht="20.25" customHeight="1" x14ac:dyDescent="0.4">
      <c r="A185" s="5"/>
      <c r="B185" s="2"/>
      <c r="C185" s="2"/>
      <c r="D185" s="2"/>
      <c r="E185" s="2"/>
      <c r="F185" s="2"/>
      <c r="G185" s="2"/>
    </row>
    <row r="186" spans="1:7" ht="20.25" customHeight="1" x14ac:dyDescent="0.4">
      <c r="A186" s="5"/>
      <c r="B186" s="2"/>
      <c r="C186" s="2"/>
      <c r="D186" s="2"/>
      <c r="E186" s="2"/>
      <c r="F186" s="2"/>
      <c r="G186" s="2"/>
    </row>
    <row r="187" spans="1:7" ht="20.25" customHeight="1" x14ac:dyDescent="0.4">
      <c r="A187" s="5"/>
      <c r="B187" s="2"/>
      <c r="C187" s="2"/>
      <c r="D187" s="2"/>
      <c r="E187" s="2"/>
      <c r="F187" s="2"/>
      <c r="G187" s="2"/>
    </row>
    <row r="188" spans="1:7" ht="20.25" customHeight="1" x14ac:dyDescent="0.4">
      <c r="A188" s="5"/>
      <c r="B188" s="2"/>
      <c r="C188" s="2"/>
      <c r="D188" s="2"/>
      <c r="E188" s="2"/>
      <c r="F188" s="2"/>
      <c r="G188" s="2"/>
    </row>
    <row r="189" spans="1:7" ht="20.25" customHeight="1" x14ac:dyDescent="0.4">
      <c r="A189" s="5"/>
      <c r="B189" s="2"/>
      <c r="C189" s="2"/>
      <c r="D189" s="2"/>
      <c r="E189" s="2"/>
      <c r="F189" s="2"/>
      <c r="G189" s="2"/>
    </row>
    <row r="190" spans="1:7" ht="20.25" customHeight="1" x14ac:dyDescent="0.4">
      <c r="A190" s="5"/>
      <c r="B190" s="2"/>
      <c r="C190" s="2"/>
      <c r="D190" s="2"/>
      <c r="E190" s="2"/>
      <c r="F190" s="2"/>
      <c r="G190" s="2"/>
    </row>
    <row r="191" spans="1:7" ht="20.25" customHeight="1" x14ac:dyDescent="0.4">
      <c r="A191" s="5"/>
      <c r="B191" s="2"/>
      <c r="C191" s="2"/>
      <c r="D191" s="2"/>
      <c r="E191" s="2"/>
      <c r="F191" s="2"/>
      <c r="G191" s="2"/>
    </row>
    <row r="192" spans="1:7" ht="20.25" customHeight="1" x14ac:dyDescent="0.4">
      <c r="A192" s="5"/>
      <c r="B192" s="2"/>
      <c r="C192" s="2"/>
      <c r="D192" s="2"/>
      <c r="E192" s="2"/>
      <c r="F192" s="2"/>
      <c r="G192" s="2"/>
    </row>
    <row r="193" spans="1:7" ht="20.25" customHeight="1" x14ac:dyDescent="0.4">
      <c r="A193" s="5"/>
      <c r="B193" s="2"/>
      <c r="C193" s="2"/>
      <c r="D193" s="2"/>
      <c r="E193" s="2"/>
      <c r="F193" s="2"/>
      <c r="G193" s="2"/>
    </row>
    <row r="194" spans="1:7" ht="20.25" customHeight="1" x14ac:dyDescent="0.4">
      <c r="A194" s="5"/>
      <c r="B194" s="2"/>
      <c r="C194" s="2"/>
      <c r="D194" s="2"/>
      <c r="E194" s="2"/>
      <c r="F194" s="2"/>
      <c r="G194" s="2"/>
    </row>
    <row r="195" spans="1:7" ht="20.25" customHeight="1" x14ac:dyDescent="0.4">
      <c r="A195" s="5"/>
      <c r="B195" s="2"/>
      <c r="C195" s="2"/>
      <c r="D195" s="2"/>
      <c r="E195" s="2"/>
      <c r="F195" s="2"/>
      <c r="G195" s="2"/>
    </row>
    <row r="196" spans="1:7" ht="20.25" customHeight="1" x14ac:dyDescent="0.4">
      <c r="A196" s="5"/>
      <c r="B196" s="2"/>
      <c r="C196" s="2"/>
      <c r="D196" s="2"/>
      <c r="E196" s="2"/>
      <c r="F196" s="2"/>
      <c r="G196" s="2"/>
    </row>
    <row r="197" spans="1:7" ht="20.25" customHeight="1" x14ac:dyDescent="0.4">
      <c r="A197" s="5"/>
      <c r="B197" s="2"/>
      <c r="C197" s="2"/>
      <c r="D197" s="2"/>
      <c r="E197" s="2"/>
      <c r="F197" s="2"/>
      <c r="G197" s="2"/>
    </row>
    <row r="198" spans="1:7" ht="20.25" customHeight="1" x14ac:dyDescent="0.4">
      <c r="A198" s="5"/>
      <c r="B198" s="2"/>
      <c r="C198" s="2"/>
      <c r="D198" s="2"/>
      <c r="E198" s="2"/>
      <c r="F198" s="2"/>
      <c r="G198" s="2"/>
    </row>
    <row r="199" spans="1:7" ht="20.25" customHeight="1" x14ac:dyDescent="0.4">
      <c r="A199" s="5"/>
      <c r="B199" s="2"/>
      <c r="C199" s="2"/>
      <c r="D199" s="2"/>
      <c r="E199" s="2"/>
      <c r="F199" s="2"/>
      <c r="G199" s="2"/>
    </row>
    <row r="200" spans="1:7" ht="20.25" customHeight="1" x14ac:dyDescent="0.4">
      <c r="A200" s="5"/>
      <c r="B200" s="2"/>
      <c r="C200" s="2"/>
      <c r="D200" s="2"/>
      <c r="E200" s="2"/>
      <c r="F200" s="2"/>
      <c r="G200" s="2"/>
    </row>
    <row r="201" spans="1:7" ht="20.25" customHeight="1" x14ac:dyDescent="0.4">
      <c r="A201" s="5"/>
      <c r="B201" s="2"/>
      <c r="C201" s="2"/>
      <c r="D201" s="2"/>
      <c r="E201" s="2"/>
      <c r="F201" s="2"/>
      <c r="G201" s="2"/>
    </row>
    <row r="202" spans="1:7" ht="20.25" customHeight="1" x14ac:dyDescent="0.4">
      <c r="A202" s="5"/>
      <c r="B202" s="2"/>
      <c r="C202" s="2"/>
      <c r="D202" s="2"/>
      <c r="E202" s="2"/>
      <c r="F202" s="2"/>
      <c r="G202" s="2"/>
    </row>
    <row r="203" spans="1:7" ht="20.25" customHeight="1" x14ac:dyDescent="0.4">
      <c r="A203" s="5"/>
      <c r="B203" s="2"/>
      <c r="C203" s="2"/>
      <c r="D203" s="2"/>
      <c r="E203" s="2"/>
      <c r="F203" s="2"/>
      <c r="G203" s="2"/>
    </row>
    <row r="204" spans="1:7" ht="20.25" customHeight="1" x14ac:dyDescent="0.4">
      <c r="A204" s="5"/>
      <c r="B204" s="2"/>
      <c r="C204" s="2"/>
      <c r="D204" s="2"/>
      <c r="E204" s="2"/>
      <c r="F204" s="2"/>
      <c r="G204" s="2"/>
    </row>
    <row r="205" spans="1:7" ht="20.25" customHeight="1" x14ac:dyDescent="0.4">
      <c r="A205" s="5"/>
      <c r="B205" s="2"/>
      <c r="C205" s="2"/>
      <c r="D205" s="2"/>
      <c r="E205" s="2"/>
      <c r="F205" s="2"/>
      <c r="G205" s="2"/>
    </row>
    <row r="206" spans="1:7" ht="20.25" customHeight="1" x14ac:dyDescent="0.4">
      <c r="A206" s="5"/>
      <c r="B206" s="2"/>
      <c r="C206" s="2"/>
      <c r="D206" s="2"/>
      <c r="E206" s="2"/>
      <c r="F206" s="2"/>
      <c r="G206" s="2"/>
    </row>
    <row r="207" spans="1:7" ht="20.25" customHeight="1" x14ac:dyDescent="0.4">
      <c r="A207" s="5"/>
      <c r="B207" s="2"/>
      <c r="C207" s="2"/>
      <c r="D207" s="2"/>
      <c r="E207" s="2"/>
      <c r="F207" s="2"/>
      <c r="G207" s="2"/>
    </row>
    <row r="208" spans="1:7" ht="20.25" customHeight="1" x14ac:dyDescent="0.4">
      <c r="A208" s="5"/>
      <c r="B208" s="2"/>
      <c r="C208" s="2"/>
      <c r="D208" s="2"/>
      <c r="E208" s="2"/>
      <c r="F208" s="2"/>
      <c r="G208" s="2"/>
    </row>
    <row r="209" spans="1:7" ht="20.25" customHeight="1" x14ac:dyDescent="0.4">
      <c r="A209" s="5"/>
      <c r="B209" s="2"/>
      <c r="C209" s="2"/>
      <c r="D209" s="2"/>
      <c r="E209" s="2"/>
      <c r="F209" s="2"/>
      <c r="G209" s="2"/>
    </row>
    <row r="210" spans="1:7" ht="20.25" customHeight="1" x14ac:dyDescent="0.4">
      <c r="A210" s="5"/>
      <c r="B210" s="2"/>
      <c r="C210" s="2"/>
      <c r="D210" s="2"/>
      <c r="E210" s="2"/>
      <c r="F210" s="2"/>
      <c r="G210" s="2"/>
    </row>
    <row r="211" spans="1:7" ht="20.25" customHeight="1" x14ac:dyDescent="0.4">
      <c r="A211" s="5"/>
      <c r="B211" s="2"/>
      <c r="C211" s="2"/>
      <c r="D211" s="2"/>
      <c r="E211" s="2"/>
      <c r="F211" s="2"/>
      <c r="G211" s="2"/>
    </row>
    <row r="212" spans="1:7" ht="20.25" customHeight="1" x14ac:dyDescent="0.4">
      <c r="A212" s="5"/>
      <c r="B212" s="2"/>
      <c r="C212" s="2"/>
      <c r="D212" s="2"/>
      <c r="E212" s="2"/>
      <c r="F212" s="2"/>
      <c r="G212" s="2"/>
    </row>
    <row r="213" spans="1:7" ht="20.25" customHeight="1" x14ac:dyDescent="0.4">
      <c r="A213" s="5"/>
      <c r="B213" s="2"/>
      <c r="C213" s="2"/>
      <c r="D213" s="2"/>
      <c r="E213" s="2"/>
      <c r="F213" s="2"/>
      <c r="G213" s="2"/>
    </row>
    <row r="214" spans="1:7" ht="20.25" customHeight="1" x14ac:dyDescent="0.4">
      <c r="A214" s="5"/>
      <c r="B214" s="2"/>
      <c r="C214" s="2"/>
      <c r="D214" s="2"/>
      <c r="E214" s="2"/>
      <c r="F214" s="2"/>
      <c r="G214" s="2"/>
    </row>
    <row r="215" spans="1:7" ht="20.25" customHeight="1" x14ac:dyDescent="0.4">
      <c r="A215" s="5"/>
      <c r="B215" s="2"/>
      <c r="C215" s="2"/>
      <c r="D215" s="2"/>
      <c r="E215" s="2"/>
      <c r="F215" s="2"/>
      <c r="G215" s="2"/>
    </row>
    <row r="216" spans="1:7" ht="20.25" customHeight="1" x14ac:dyDescent="0.4">
      <c r="A216" s="5"/>
      <c r="B216" s="2"/>
      <c r="C216" s="2"/>
      <c r="D216" s="2"/>
      <c r="E216" s="2"/>
      <c r="F216" s="2"/>
      <c r="G216" s="2"/>
    </row>
    <row r="217" spans="1:7" ht="20.25" customHeight="1" x14ac:dyDescent="0.4">
      <c r="A217" s="5"/>
      <c r="B217" s="2"/>
      <c r="C217" s="2"/>
      <c r="D217" s="2"/>
      <c r="E217" s="2"/>
      <c r="F217" s="2"/>
      <c r="G217" s="2"/>
    </row>
    <row r="218" spans="1:7" ht="20.25" customHeight="1" x14ac:dyDescent="0.4">
      <c r="A218" s="5"/>
      <c r="B218" s="2"/>
      <c r="C218" s="2"/>
      <c r="D218" s="2"/>
      <c r="E218" s="2"/>
      <c r="F218" s="2"/>
      <c r="G218" s="2"/>
    </row>
    <row r="219" spans="1:7" ht="20.25" customHeight="1" x14ac:dyDescent="0.4">
      <c r="A219" s="5"/>
      <c r="B219" s="2"/>
      <c r="C219" s="2"/>
      <c r="D219" s="2"/>
      <c r="E219" s="2"/>
      <c r="F219" s="2"/>
      <c r="G219" s="2"/>
    </row>
    <row r="220" spans="1:7" ht="20.25" customHeight="1" x14ac:dyDescent="0.4">
      <c r="A220" s="5"/>
      <c r="B220" s="2"/>
      <c r="C220" s="2"/>
      <c r="D220" s="2"/>
      <c r="E220" s="2"/>
      <c r="F220" s="2"/>
      <c r="G220" s="2"/>
    </row>
    <row r="221" spans="1:7" ht="20.25" customHeight="1" x14ac:dyDescent="0.4">
      <c r="A221" s="5"/>
      <c r="B221" s="2"/>
      <c r="C221" s="2"/>
      <c r="D221" s="2"/>
      <c r="E221" s="2"/>
      <c r="F221" s="2"/>
      <c r="G221" s="2"/>
    </row>
    <row r="222" spans="1:7" ht="20.25" customHeight="1" x14ac:dyDescent="0.4">
      <c r="A222" s="5"/>
      <c r="B222" s="2"/>
      <c r="C222" s="2"/>
      <c r="D222" s="2"/>
      <c r="E222" s="2"/>
      <c r="F222" s="2"/>
      <c r="G222" s="2"/>
    </row>
    <row r="223" spans="1:7" ht="20.25" customHeight="1" x14ac:dyDescent="0.4">
      <c r="A223" s="5"/>
      <c r="B223" s="2"/>
      <c r="C223" s="2"/>
      <c r="D223" s="2"/>
      <c r="E223" s="2"/>
      <c r="F223" s="2"/>
      <c r="G223" s="2"/>
    </row>
    <row r="224" spans="1:7" ht="20.25" customHeight="1" x14ac:dyDescent="0.4">
      <c r="A224" s="5"/>
      <c r="B224" s="2"/>
      <c r="C224" s="2"/>
      <c r="D224" s="2"/>
      <c r="E224" s="2"/>
      <c r="F224" s="2"/>
      <c r="G224" s="2"/>
    </row>
    <row r="225" spans="1:7" ht="20.25" customHeight="1" x14ac:dyDescent="0.4">
      <c r="A225" s="5"/>
      <c r="B225" s="2"/>
      <c r="C225" s="2"/>
      <c r="D225" s="2"/>
      <c r="E225" s="2"/>
      <c r="F225" s="2"/>
      <c r="G225" s="2"/>
    </row>
    <row r="226" spans="1:7" ht="20.25" customHeight="1" x14ac:dyDescent="0.4">
      <c r="A226" s="5"/>
      <c r="B226" s="2"/>
      <c r="C226" s="2"/>
      <c r="D226" s="2"/>
      <c r="E226" s="2"/>
      <c r="F226" s="2"/>
      <c r="G226" s="2"/>
    </row>
    <row r="227" spans="1:7" ht="20.25" customHeight="1" x14ac:dyDescent="0.4">
      <c r="A227" s="5"/>
      <c r="B227" s="2"/>
      <c r="C227" s="2"/>
      <c r="D227" s="2"/>
      <c r="E227" s="2"/>
      <c r="F227" s="2"/>
      <c r="G227" s="2"/>
    </row>
    <row r="228" spans="1:7" ht="20.25" customHeight="1" x14ac:dyDescent="0.4">
      <c r="A228" s="5"/>
      <c r="B228" s="2"/>
      <c r="C228" s="2"/>
      <c r="D228" s="2"/>
      <c r="E228" s="2"/>
      <c r="F228" s="2"/>
      <c r="G228" s="2"/>
    </row>
    <row r="229" spans="1:7" ht="20.25" customHeight="1" x14ac:dyDescent="0.4">
      <c r="A229" s="5"/>
      <c r="B229" s="2"/>
      <c r="C229" s="2"/>
      <c r="D229" s="2"/>
      <c r="E229" s="2"/>
      <c r="F229" s="2"/>
      <c r="G229" s="2"/>
    </row>
    <row r="230" spans="1:7" ht="20.25" customHeight="1" x14ac:dyDescent="0.4">
      <c r="A230" s="5"/>
      <c r="B230" s="2"/>
      <c r="C230" s="2"/>
      <c r="D230" s="2"/>
      <c r="E230" s="2"/>
      <c r="F230" s="2"/>
      <c r="G230" s="2"/>
    </row>
    <row r="231" spans="1:7" ht="20.25" customHeight="1" x14ac:dyDescent="0.4">
      <c r="A231" s="5"/>
      <c r="B231" s="2"/>
      <c r="C231" s="2"/>
      <c r="D231" s="2"/>
      <c r="E231" s="2"/>
      <c r="F231" s="2"/>
      <c r="G231" s="2"/>
    </row>
    <row r="232" spans="1:7" ht="20.25" customHeight="1" x14ac:dyDescent="0.4">
      <c r="A232" s="5"/>
      <c r="B232" s="2"/>
      <c r="C232" s="2"/>
      <c r="D232" s="2"/>
      <c r="E232" s="2"/>
      <c r="F232" s="2"/>
      <c r="G232" s="2"/>
    </row>
    <row r="233" spans="1:7" ht="20.25" customHeight="1" x14ac:dyDescent="0.4">
      <c r="A233" s="5"/>
      <c r="B233" s="2"/>
      <c r="C233" s="2"/>
      <c r="D233" s="2"/>
      <c r="E233" s="2"/>
      <c r="F233" s="2"/>
      <c r="G233" s="2"/>
    </row>
    <row r="234" spans="1:7" ht="20.25" customHeight="1" x14ac:dyDescent="0.4">
      <c r="A234" s="5"/>
      <c r="B234" s="2"/>
      <c r="C234" s="2"/>
      <c r="D234" s="2"/>
      <c r="E234" s="2"/>
      <c r="F234" s="2"/>
      <c r="G234" s="2"/>
    </row>
    <row r="235" spans="1:7" ht="20.25" customHeight="1" x14ac:dyDescent="0.4">
      <c r="A235" s="5"/>
      <c r="B235" s="2"/>
      <c r="C235" s="2"/>
      <c r="D235" s="2"/>
      <c r="E235" s="2"/>
      <c r="F235" s="2"/>
      <c r="G235" s="2"/>
    </row>
    <row r="236" spans="1:7" ht="20.25" customHeight="1" x14ac:dyDescent="0.4">
      <c r="A236" s="5"/>
      <c r="B236" s="2"/>
      <c r="C236" s="2"/>
      <c r="D236" s="2"/>
      <c r="E236" s="2"/>
      <c r="F236" s="2"/>
      <c r="G236" s="2"/>
    </row>
    <row r="237" spans="1:7" ht="20.25" customHeight="1" x14ac:dyDescent="0.4">
      <c r="A237" s="5"/>
      <c r="B237" s="2"/>
      <c r="C237" s="2"/>
      <c r="D237" s="2"/>
      <c r="E237" s="2"/>
      <c r="F237" s="2"/>
      <c r="G237" s="2"/>
    </row>
    <row r="238" spans="1:7" ht="20.25" customHeight="1" x14ac:dyDescent="0.4">
      <c r="A238" s="5"/>
      <c r="B238" s="2"/>
      <c r="C238" s="2"/>
      <c r="D238" s="2"/>
      <c r="E238" s="2"/>
      <c r="F238" s="2"/>
      <c r="G238" s="2"/>
    </row>
    <row r="239" spans="1:7" ht="20.25" customHeight="1" x14ac:dyDescent="0.4">
      <c r="A239" s="5"/>
      <c r="B239" s="2"/>
      <c r="C239" s="2"/>
      <c r="D239" s="2"/>
      <c r="E239" s="2"/>
      <c r="F239" s="2"/>
      <c r="G239" s="2"/>
    </row>
    <row r="240" spans="1:7" ht="20.25" customHeight="1" x14ac:dyDescent="0.4">
      <c r="A240" s="5"/>
      <c r="B240" s="2"/>
      <c r="C240" s="2"/>
      <c r="D240" s="2"/>
      <c r="E240" s="2"/>
      <c r="F240" s="2"/>
      <c r="G240" s="2"/>
    </row>
    <row r="241" spans="1:7" ht="20.25" customHeight="1" x14ac:dyDescent="0.4">
      <c r="A241" s="5"/>
      <c r="B241" s="2"/>
      <c r="C241" s="2"/>
      <c r="D241" s="2"/>
      <c r="E241" s="2"/>
      <c r="F241" s="2"/>
      <c r="G241" s="2"/>
    </row>
    <row r="242" spans="1:7" ht="20.25" customHeight="1" x14ac:dyDescent="0.4">
      <c r="A242" s="5"/>
      <c r="B242" s="2"/>
      <c r="C242" s="2"/>
      <c r="D242" s="2"/>
      <c r="E242" s="2"/>
      <c r="F242" s="2"/>
      <c r="G242" s="2"/>
    </row>
    <row r="243" spans="1:7" ht="20.25" customHeight="1" x14ac:dyDescent="0.4">
      <c r="A243" s="5"/>
      <c r="B243" s="2"/>
      <c r="C243" s="2"/>
      <c r="D243" s="2"/>
      <c r="E243" s="2"/>
      <c r="F243" s="2"/>
      <c r="G243" s="2"/>
    </row>
    <row r="244" spans="1:7" ht="20.25" customHeight="1" x14ac:dyDescent="0.4">
      <c r="A244" s="5"/>
      <c r="B244" s="2"/>
      <c r="C244" s="2"/>
      <c r="D244" s="2"/>
      <c r="E244" s="2"/>
      <c r="F244" s="2"/>
      <c r="G244" s="2"/>
    </row>
    <row r="245" spans="1:7" ht="20.25" customHeight="1" x14ac:dyDescent="0.4">
      <c r="A245" s="5"/>
      <c r="B245" s="2"/>
      <c r="C245" s="2"/>
      <c r="D245" s="2"/>
      <c r="E245" s="2"/>
      <c r="F245" s="2"/>
      <c r="G245" s="2"/>
    </row>
    <row r="246" spans="1:7" ht="20.25" customHeight="1" x14ac:dyDescent="0.4">
      <c r="A246" s="5"/>
      <c r="B246" s="2"/>
      <c r="C246" s="2"/>
      <c r="D246" s="2"/>
      <c r="E246" s="2"/>
      <c r="F246" s="2"/>
      <c r="G246" s="2"/>
    </row>
    <row r="247" spans="1:7" ht="20.25" customHeight="1" x14ac:dyDescent="0.4">
      <c r="A247" s="5"/>
      <c r="B247" s="2"/>
      <c r="C247" s="2"/>
      <c r="D247" s="2"/>
      <c r="E247" s="2"/>
      <c r="F247" s="2"/>
      <c r="G247" s="2"/>
    </row>
    <row r="248" spans="1:7" ht="20.25" customHeight="1" x14ac:dyDescent="0.4">
      <c r="A248" s="5"/>
      <c r="B248" s="2"/>
      <c r="C248" s="2"/>
      <c r="D248" s="2"/>
      <c r="E248" s="2"/>
      <c r="F248" s="2"/>
      <c r="G248" s="2"/>
    </row>
    <row r="249" spans="1:7" ht="20.25" customHeight="1" x14ac:dyDescent="0.4">
      <c r="A249" s="5"/>
      <c r="B249" s="2"/>
      <c r="C249" s="2"/>
      <c r="D249" s="2"/>
      <c r="E249" s="2"/>
      <c r="F249" s="2"/>
      <c r="G249" s="2"/>
    </row>
    <row r="250" spans="1:7" ht="20.25" customHeight="1" x14ac:dyDescent="0.4">
      <c r="A250" s="5"/>
      <c r="B250" s="2"/>
      <c r="C250" s="2"/>
      <c r="D250" s="2"/>
      <c r="E250" s="2"/>
      <c r="F250" s="2"/>
      <c r="G250" s="2"/>
    </row>
    <row r="251" spans="1:7" ht="20.25" customHeight="1" x14ac:dyDescent="0.4">
      <c r="A251" s="5"/>
      <c r="B251" s="2"/>
      <c r="C251" s="2"/>
      <c r="D251" s="2"/>
      <c r="E251" s="2"/>
      <c r="F251" s="2"/>
      <c r="G251" s="2"/>
    </row>
    <row r="252" spans="1:7" ht="20.25" customHeight="1" x14ac:dyDescent="0.4">
      <c r="A252" s="5"/>
      <c r="B252" s="2"/>
      <c r="C252" s="2"/>
      <c r="D252" s="2"/>
      <c r="E252" s="2"/>
      <c r="F252" s="2"/>
      <c r="G252" s="2"/>
    </row>
    <row r="253" spans="1:7" ht="20.25" customHeight="1" x14ac:dyDescent="0.4">
      <c r="A253" s="5"/>
      <c r="B253" s="2"/>
      <c r="C253" s="2"/>
      <c r="D253" s="2"/>
      <c r="E253" s="2"/>
      <c r="F253" s="2"/>
      <c r="G253" s="2"/>
    </row>
    <row r="254" spans="1:7" ht="20.25" customHeight="1" x14ac:dyDescent="0.4">
      <c r="A254" s="5"/>
      <c r="B254" s="2"/>
      <c r="C254" s="2"/>
      <c r="D254" s="2"/>
      <c r="E254" s="2"/>
      <c r="F254" s="2"/>
      <c r="G254" s="2"/>
    </row>
    <row r="255" spans="1:7" ht="20.25" customHeight="1" x14ac:dyDescent="0.4">
      <c r="A255" s="5"/>
      <c r="B255" s="2"/>
      <c r="C255" s="2"/>
      <c r="D255" s="2"/>
      <c r="E255" s="2"/>
      <c r="F255" s="2"/>
      <c r="G255" s="2"/>
    </row>
    <row r="256" spans="1:7" ht="20.25" customHeight="1" x14ac:dyDescent="0.4">
      <c r="A256" s="5"/>
      <c r="B256" s="2"/>
      <c r="C256" s="2"/>
      <c r="D256" s="2"/>
      <c r="E256" s="2"/>
      <c r="F256" s="2"/>
      <c r="G256" s="2"/>
    </row>
    <row r="257" spans="1:7" ht="20.25" customHeight="1" x14ac:dyDescent="0.4">
      <c r="A257" s="5"/>
      <c r="B257" s="2"/>
      <c r="C257" s="2"/>
      <c r="D257" s="2"/>
      <c r="E257" s="2"/>
      <c r="F257" s="2"/>
      <c r="G257" s="2"/>
    </row>
    <row r="258" spans="1:7" ht="20.25" customHeight="1" x14ac:dyDescent="0.4">
      <c r="A258" s="5"/>
      <c r="B258" s="2"/>
      <c r="C258" s="2"/>
      <c r="D258" s="2"/>
      <c r="E258" s="2"/>
      <c r="F258" s="2"/>
      <c r="G258" s="2"/>
    </row>
    <row r="259" spans="1:7" ht="20.25" customHeight="1" x14ac:dyDescent="0.4">
      <c r="A259" s="5"/>
      <c r="B259" s="2"/>
      <c r="C259" s="2"/>
      <c r="D259" s="2"/>
      <c r="E259" s="2"/>
      <c r="F259" s="2"/>
      <c r="G259" s="2"/>
    </row>
    <row r="260" spans="1:7" ht="20.25" customHeight="1" x14ac:dyDescent="0.4">
      <c r="A260" s="5"/>
      <c r="B260" s="2"/>
      <c r="C260" s="2"/>
      <c r="D260" s="2"/>
      <c r="E260" s="2"/>
      <c r="F260" s="2"/>
      <c r="G260" s="2"/>
    </row>
    <row r="261" spans="1:7" ht="20.25" customHeight="1" x14ac:dyDescent="0.4">
      <c r="A261" s="5"/>
      <c r="B261" s="2"/>
      <c r="C261" s="2"/>
      <c r="D261" s="2"/>
      <c r="E261" s="2"/>
      <c r="F261" s="2"/>
      <c r="G261" s="2"/>
    </row>
    <row r="262" spans="1:7" ht="20.25" customHeight="1" x14ac:dyDescent="0.4">
      <c r="A262" s="5"/>
      <c r="B262" s="2"/>
      <c r="C262" s="2"/>
      <c r="D262" s="2"/>
      <c r="E262" s="2"/>
      <c r="F262" s="2"/>
      <c r="G262" s="2"/>
    </row>
    <row r="263" spans="1:7" ht="20.25" customHeight="1" x14ac:dyDescent="0.4">
      <c r="A263" s="5"/>
      <c r="B263" s="2"/>
      <c r="C263" s="2"/>
      <c r="D263" s="2"/>
      <c r="E263" s="2"/>
      <c r="F263" s="2"/>
      <c r="G263" s="2"/>
    </row>
    <row r="264" spans="1:7" ht="20.25" customHeight="1" x14ac:dyDescent="0.4">
      <c r="A264" s="5"/>
      <c r="B264" s="2"/>
      <c r="C264" s="2"/>
      <c r="D264" s="2"/>
      <c r="E264" s="2"/>
      <c r="F264" s="2"/>
      <c r="G264" s="2"/>
    </row>
    <row r="265" spans="1:7" ht="20.25" customHeight="1" x14ac:dyDescent="0.4">
      <c r="A265" s="5"/>
      <c r="B265" s="2"/>
      <c r="C265" s="2"/>
      <c r="D265" s="2"/>
      <c r="E265" s="2"/>
      <c r="F265" s="2"/>
      <c r="G265" s="2"/>
    </row>
    <row r="266" spans="1:7" ht="20.25" customHeight="1" x14ac:dyDescent="0.4">
      <c r="A266" s="5"/>
      <c r="B266" s="2"/>
      <c r="C266" s="2"/>
      <c r="D266" s="2"/>
      <c r="E266" s="2"/>
      <c r="F266" s="2"/>
      <c r="G266" s="2"/>
    </row>
    <row r="267" spans="1:7" ht="20.25" customHeight="1" x14ac:dyDescent="0.4">
      <c r="A267" s="5"/>
      <c r="B267" s="2"/>
      <c r="C267" s="2"/>
      <c r="D267" s="2"/>
      <c r="E267" s="2"/>
      <c r="F267" s="2"/>
      <c r="G267" s="2"/>
    </row>
    <row r="268" spans="1:7" ht="20.25" customHeight="1" x14ac:dyDescent="0.4">
      <c r="A268" s="5"/>
      <c r="B268" s="2"/>
      <c r="C268" s="2"/>
      <c r="D268" s="2"/>
      <c r="E268" s="2"/>
      <c r="F268" s="2"/>
      <c r="G268" s="2"/>
    </row>
    <row r="269" spans="1:7" ht="20.25" customHeight="1" x14ac:dyDescent="0.4">
      <c r="A269" s="5"/>
      <c r="B269" s="2"/>
      <c r="C269" s="2"/>
      <c r="D269" s="2"/>
      <c r="E269" s="2"/>
      <c r="F269" s="2"/>
      <c r="G269" s="2"/>
    </row>
    <row r="270" spans="1:7" ht="20.25" customHeight="1" x14ac:dyDescent="0.4">
      <c r="A270" s="5"/>
      <c r="B270" s="2"/>
      <c r="C270" s="2"/>
      <c r="D270" s="2"/>
      <c r="E270" s="2"/>
      <c r="F270" s="2"/>
      <c r="G270" s="2"/>
    </row>
    <row r="271" spans="1:7" ht="20.25" customHeight="1" x14ac:dyDescent="0.4">
      <c r="A271" s="5"/>
      <c r="B271" s="2"/>
      <c r="C271" s="2"/>
      <c r="D271" s="2"/>
      <c r="E271" s="2"/>
      <c r="F271" s="2"/>
      <c r="G271" s="2"/>
    </row>
    <row r="272" spans="1:7" ht="20.25" customHeight="1" x14ac:dyDescent="0.4">
      <c r="A272" s="5"/>
      <c r="B272" s="2"/>
      <c r="C272" s="2"/>
      <c r="D272" s="2"/>
      <c r="E272" s="2"/>
      <c r="F272" s="2"/>
      <c r="G272" s="2"/>
    </row>
    <row r="273" spans="1:7" ht="20.25" customHeight="1" x14ac:dyDescent="0.4">
      <c r="A273" s="5"/>
      <c r="B273" s="2"/>
      <c r="C273" s="2"/>
      <c r="D273" s="2"/>
      <c r="E273" s="2"/>
      <c r="F273" s="2"/>
      <c r="G273" s="2"/>
    </row>
    <row r="274" spans="1:7" ht="20.25" customHeight="1" x14ac:dyDescent="0.4">
      <c r="A274" s="5"/>
      <c r="B274" s="2"/>
      <c r="C274" s="2"/>
      <c r="D274" s="2"/>
      <c r="E274" s="2"/>
      <c r="F274" s="2"/>
      <c r="G274" s="2"/>
    </row>
    <row r="275" spans="1:7" ht="20.25" customHeight="1" x14ac:dyDescent="0.4">
      <c r="A275" s="5"/>
      <c r="B275" s="2"/>
      <c r="C275" s="2"/>
      <c r="D275" s="2"/>
      <c r="E275" s="2"/>
      <c r="F275" s="2"/>
      <c r="G275" s="2"/>
    </row>
    <row r="276" spans="1:7" ht="20.25" customHeight="1" x14ac:dyDescent="0.4">
      <c r="A276" s="5"/>
      <c r="B276" s="2"/>
      <c r="C276" s="2"/>
      <c r="D276" s="2"/>
      <c r="E276" s="2"/>
      <c r="F276" s="2"/>
      <c r="G276" s="2"/>
    </row>
    <row r="277" spans="1:7" ht="20.25" customHeight="1" x14ac:dyDescent="0.4">
      <c r="A277" s="5"/>
      <c r="B277" s="2"/>
      <c r="C277" s="2"/>
      <c r="D277" s="2"/>
      <c r="E277" s="2"/>
      <c r="F277" s="2"/>
      <c r="G277" s="2"/>
    </row>
    <row r="278" spans="1:7" ht="20.25" customHeight="1" x14ac:dyDescent="0.4">
      <c r="A278" s="5"/>
      <c r="B278" s="2"/>
      <c r="C278" s="2"/>
      <c r="D278" s="2"/>
      <c r="E278" s="2"/>
      <c r="F278" s="2"/>
      <c r="G278" s="2"/>
    </row>
    <row r="279" spans="1:7" ht="20.25" customHeight="1" x14ac:dyDescent="0.4">
      <c r="A279" s="5"/>
      <c r="B279" s="2"/>
      <c r="C279" s="2"/>
      <c r="D279" s="2"/>
      <c r="E279" s="2"/>
      <c r="F279" s="2"/>
      <c r="G279" s="2"/>
    </row>
    <row r="280" spans="1:7" ht="20.25" customHeight="1" x14ac:dyDescent="0.4">
      <c r="A280" s="5"/>
      <c r="B280" s="2"/>
      <c r="C280" s="2"/>
      <c r="D280" s="2"/>
      <c r="E280" s="2"/>
      <c r="F280" s="2"/>
      <c r="G280" s="2"/>
    </row>
    <row r="281" spans="1:7" ht="20.25" customHeight="1" x14ac:dyDescent="0.4">
      <c r="A281" s="5"/>
      <c r="B281" s="2"/>
      <c r="C281" s="2"/>
      <c r="D281" s="2"/>
      <c r="E281" s="2"/>
      <c r="F281" s="2"/>
      <c r="G281" s="2"/>
    </row>
    <row r="282" spans="1:7" ht="20.25" customHeight="1" x14ac:dyDescent="0.4">
      <c r="A282" s="5"/>
      <c r="B282" s="2"/>
      <c r="C282" s="2"/>
      <c r="D282" s="2"/>
      <c r="E282" s="2"/>
      <c r="F282" s="2"/>
      <c r="G282" s="2"/>
    </row>
    <row r="283" spans="1:7" ht="20.25" customHeight="1" x14ac:dyDescent="0.4">
      <c r="A283" s="5"/>
      <c r="B283" s="2"/>
      <c r="C283" s="2"/>
      <c r="D283" s="2"/>
      <c r="E283" s="2"/>
      <c r="F283" s="2"/>
      <c r="G283" s="2"/>
    </row>
    <row r="284" spans="1:7" ht="20.25" customHeight="1" x14ac:dyDescent="0.4">
      <c r="A284" s="5"/>
      <c r="B284" s="2"/>
      <c r="C284" s="2"/>
      <c r="D284" s="2"/>
      <c r="E284" s="2"/>
      <c r="F284" s="2"/>
      <c r="G284" s="2"/>
    </row>
    <row r="285" spans="1:7" ht="20.25" customHeight="1" x14ac:dyDescent="0.4">
      <c r="A285" s="5"/>
      <c r="B285" s="2"/>
      <c r="C285" s="2"/>
      <c r="D285" s="2"/>
      <c r="E285" s="2"/>
      <c r="F285" s="2"/>
      <c r="G285" s="2"/>
    </row>
    <row r="286" spans="1:7" ht="20.25" customHeight="1" x14ac:dyDescent="0.4">
      <c r="A286" s="5"/>
      <c r="B286" s="2"/>
      <c r="C286" s="2"/>
      <c r="D286" s="2"/>
      <c r="E286" s="2"/>
      <c r="F286" s="2"/>
      <c r="G286" s="2"/>
    </row>
    <row r="287" spans="1:7" ht="20.25" customHeight="1" x14ac:dyDescent="0.4">
      <c r="A287" s="5"/>
      <c r="B287" s="2"/>
      <c r="C287" s="2"/>
      <c r="D287" s="2"/>
      <c r="E287" s="2"/>
      <c r="F287" s="2"/>
      <c r="G287" s="2"/>
    </row>
    <row r="288" spans="1:7" ht="20.25" customHeight="1" x14ac:dyDescent="0.4">
      <c r="A288" s="5"/>
      <c r="B288" s="2"/>
      <c r="C288" s="2"/>
      <c r="D288" s="2"/>
      <c r="E288" s="2"/>
      <c r="F288" s="2"/>
      <c r="G288" s="2"/>
    </row>
    <row r="289" spans="1:7" ht="20.25" customHeight="1" x14ac:dyDescent="0.4">
      <c r="A289" s="5"/>
      <c r="B289" s="2"/>
      <c r="C289" s="2"/>
      <c r="D289" s="2"/>
      <c r="E289" s="2"/>
      <c r="F289" s="2"/>
      <c r="G289" s="2"/>
    </row>
    <row r="290" spans="1:7" ht="20.25" customHeight="1" x14ac:dyDescent="0.4">
      <c r="A290" s="5"/>
      <c r="B290" s="2"/>
      <c r="C290" s="2"/>
      <c r="D290" s="2"/>
      <c r="E290" s="2"/>
      <c r="F290" s="2"/>
      <c r="G290" s="2"/>
    </row>
    <row r="291" spans="1:7" ht="20.25" customHeight="1" x14ac:dyDescent="0.4">
      <c r="A291" s="5"/>
      <c r="B291" s="2"/>
      <c r="C291" s="2"/>
      <c r="D291" s="2"/>
      <c r="E291" s="2"/>
      <c r="F291" s="2"/>
      <c r="G291" s="2"/>
    </row>
    <row r="292" spans="1:7" ht="20.25" customHeight="1" x14ac:dyDescent="0.4">
      <c r="A292" s="5"/>
      <c r="B292" s="2"/>
      <c r="C292" s="2"/>
      <c r="D292" s="2"/>
      <c r="E292" s="2"/>
      <c r="F292" s="2"/>
      <c r="G292" s="2"/>
    </row>
    <row r="293" spans="1:7" ht="20.25" customHeight="1" x14ac:dyDescent="0.4">
      <c r="A293" s="5"/>
      <c r="B293" s="2"/>
      <c r="C293" s="2"/>
      <c r="D293" s="2"/>
      <c r="E293" s="2"/>
      <c r="F293" s="2"/>
      <c r="G293" s="2"/>
    </row>
    <row r="294" spans="1:7" ht="20.25" customHeight="1" x14ac:dyDescent="0.4">
      <c r="A294" s="5"/>
      <c r="B294" s="2"/>
      <c r="C294" s="2"/>
      <c r="D294" s="2"/>
      <c r="E294" s="2"/>
      <c r="F294" s="2"/>
      <c r="G294" s="2"/>
    </row>
    <row r="295" spans="1:7" ht="20.25" customHeight="1" x14ac:dyDescent="0.4">
      <c r="A295" s="5"/>
      <c r="B295" s="2"/>
      <c r="C295" s="2"/>
      <c r="D295" s="2"/>
      <c r="E295" s="2"/>
      <c r="F295" s="2"/>
      <c r="G295" s="2"/>
    </row>
    <row r="296" spans="1:7" ht="20.25" customHeight="1" x14ac:dyDescent="0.4">
      <c r="A296" s="5"/>
      <c r="B296" s="2"/>
      <c r="C296" s="2"/>
      <c r="D296" s="2"/>
      <c r="E296" s="2"/>
      <c r="F296" s="2"/>
      <c r="G296" s="2"/>
    </row>
    <row r="297" spans="1:7" ht="20.25" customHeight="1" x14ac:dyDescent="0.4">
      <c r="A297" s="5"/>
      <c r="B297" s="2"/>
      <c r="C297" s="2"/>
      <c r="D297" s="2"/>
      <c r="E297" s="2"/>
      <c r="F297" s="2"/>
      <c r="G297" s="2"/>
    </row>
    <row r="298" spans="1:7" ht="20.25" customHeight="1" x14ac:dyDescent="0.4">
      <c r="A298" s="5"/>
      <c r="B298" s="2"/>
      <c r="C298" s="2"/>
      <c r="D298" s="2"/>
      <c r="E298" s="2"/>
      <c r="F298" s="2"/>
      <c r="G298" s="2"/>
    </row>
    <row r="299" spans="1:7" ht="20.25" customHeight="1" x14ac:dyDescent="0.4">
      <c r="A299" s="5"/>
      <c r="B299" s="2"/>
      <c r="C299" s="2"/>
      <c r="D299" s="2"/>
      <c r="E299" s="2"/>
      <c r="F299" s="2"/>
      <c r="G299" s="2"/>
    </row>
    <row r="300" spans="1:7" ht="20.25" customHeight="1" x14ac:dyDescent="0.4">
      <c r="A300" s="5"/>
      <c r="B300" s="2"/>
      <c r="C300" s="2"/>
      <c r="D300" s="2"/>
      <c r="E300" s="2"/>
      <c r="F300" s="2"/>
      <c r="G300" s="2"/>
    </row>
    <row r="301" spans="1:7" ht="20.25" customHeight="1" x14ac:dyDescent="0.4">
      <c r="A301" s="5"/>
      <c r="B301" s="2"/>
      <c r="C301" s="2"/>
      <c r="D301" s="2"/>
      <c r="E301" s="2"/>
      <c r="F301" s="2"/>
      <c r="G301" s="2"/>
    </row>
    <row r="302" spans="1:7" ht="20.25" customHeight="1" x14ac:dyDescent="0.4">
      <c r="A302" s="5"/>
      <c r="B302" s="2"/>
      <c r="C302" s="2"/>
      <c r="D302" s="2"/>
      <c r="E302" s="2"/>
      <c r="F302" s="2"/>
      <c r="G302" s="2"/>
    </row>
    <row r="303" spans="1:7" ht="20.25" customHeight="1" x14ac:dyDescent="0.4">
      <c r="A303" s="5"/>
      <c r="B303" s="2"/>
      <c r="C303" s="2"/>
      <c r="D303" s="2"/>
      <c r="E303" s="2"/>
      <c r="F303" s="2"/>
      <c r="G303" s="2"/>
    </row>
    <row r="304" spans="1:7" ht="20.25" customHeight="1" x14ac:dyDescent="0.4">
      <c r="A304" s="5"/>
      <c r="B304" s="2"/>
      <c r="C304" s="2"/>
      <c r="D304" s="2"/>
      <c r="E304" s="2"/>
      <c r="F304" s="2"/>
      <c r="G304" s="2"/>
    </row>
    <row r="305" spans="1:7" ht="20.25" customHeight="1" x14ac:dyDescent="0.4">
      <c r="A305" s="5"/>
      <c r="B305" s="2"/>
      <c r="C305" s="2"/>
      <c r="D305" s="2"/>
      <c r="E305" s="2"/>
      <c r="F305" s="2"/>
      <c r="G305" s="2"/>
    </row>
    <row r="306" spans="1:7" ht="20.25" customHeight="1" x14ac:dyDescent="0.4">
      <c r="A306" s="5"/>
      <c r="B306" s="2"/>
      <c r="C306" s="2"/>
      <c r="D306" s="2"/>
      <c r="E306" s="2"/>
      <c r="F306" s="2"/>
      <c r="G306" s="2"/>
    </row>
    <row r="307" spans="1:7" ht="20.25" customHeight="1" x14ac:dyDescent="0.4">
      <c r="A307" s="5"/>
      <c r="B307" s="2"/>
      <c r="C307" s="2"/>
      <c r="D307" s="2"/>
      <c r="E307" s="2"/>
      <c r="F307" s="2"/>
      <c r="G307" s="2"/>
    </row>
    <row r="308" spans="1:7" ht="20.25" customHeight="1" x14ac:dyDescent="0.4">
      <c r="A308" s="5"/>
      <c r="B308" s="2"/>
      <c r="C308" s="2"/>
      <c r="D308" s="2"/>
      <c r="E308" s="2"/>
      <c r="F308" s="2"/>
      <c r="G308" s="2"/>
    </row>
    <row r="309" spans="1:7" ht="20.25" customHeight="1" x14ac:dyDescent="0.4">
      <c r="A309" s="5"/>
      <c r="B309" s="2"/>
      <c r="C309" s="2"/>
      <c r="D309" s="2"/>
      <c r="E309" s="2"/>
      <c r="F309" s="2"/>
      <c r="G309" s="2"/>
    </row>
    <row r="310" spans="1:7" ht="20.25" customHeight="1" x14ac:dyDescent="0.4">
      <c r="A310" s="5"/>
      <c r="B310" s="2"/>
      <c r="C310" s="2"/>
      <c r="D310" s="2"/>
      <c r="E310" s="2"/>
      <c r="F310" s="2"/>
      <c r="G310" s="2"/>
    </row>
    <row r="311" spans="1:7" ht="20.25" customHeight="1" x14ac:dyDescent="0.4">
      <c r="A311" s="5"/>
      <c r="B311" s="2"/>
      <c r="C311" s="2"/>
      <c r="D311" s="2"/>
      <c r="E311" s="2"/>
      <c r="F311" s="2"/>
      <c r="G311" s="2"/>
    </row>
    <row r="312" spans="1:7" ht="20.25" customHeight="1" x14ac:dyDescent="0.4">
      <c r="A312" s="5"/>
      <c r="B312" s="2"/>
      <c r="C312" s="2"/>
      <c r="D312" s="2"/>
      <c r="E312" s="2"/>
      <c r="F312" s="2"/>
      <c r="G312" s="2"/>
    </row>
    <row r="313" spans="1:7" ht="20.25" customHeight="1" x14ac:dyDescent="0.4">
      <c r="A313" s="5"/>
      <c r="B313" s="2"/>
      <c r="C313" s="2"/>
      <c r="D313" s="2"/>
      <c r="E313" s="2"/>
      <c r="F313" s="2"/>
      <c r="G313" s="2"/>
    </row>
    <row r="314" spans="1:7" ht="20.25" customHeight="1" x14ac:dyDescent="0.4">
      <c r="A314" s="5"/>
      <c r="B314" s="2"/>
      <c r="C314" s="2"/>
      <c r="D314" s="2"/>
      <c r="E314" s="2"/>
      <c r="F314" s="2"/>
      <c r="G314" s="2"/>
    </row>
    <row r="315" spans="1:7" ht="20.25" customHeight="1" x14ac:dyDescent="0.4">
      <c r="A315" s="5"/>
      <c r="B315" s="2"/>
      <c r="C315" s="2"/>
      <c r="D315" s="2"/>
      <c r="E315" s="2"/>
      <c r="F315" s="2"/>
      <c r="G315" s="2"/>
    </row>
    <row r="316" spans="1:7" ht="20.25" customHeight="1" x14ac:dyDescent="0.4">
      <c r="A316" s="5"/>
      <c r="B316" s="2"/>
      <c r="C316" s="2"/>
      <c r="D316" s="2"/>
      <c r="E316" s="2"/>
      <c r="F316" s="2"/>
      <c r="G316" s="2"/>
    </row>
    <row r="317" spans="1:7" ht="20.25" customHeight="1" x14ac:dyDescent="0.4">
      <c r="A317" s="5"/>
      <c r="B317" s="2"/>
      <c r="C317" s="2"/>
      <c r="D317" s="2"/>
      <c r="E317" s="2"/>
      <c r="F317" s="2"/>
      <c r="G317" s="2"/>
    </row>
    <row r="318" spans="1:7" ht="20.25" customHeight="1" x14ac:dyDescent="0.4">
      <c r="A318" s="5"/>
      <c r="B318" s="2"/>
      <c r="C318" s="2"/>
      <c r="D318" s="2"/>
      <c r="E318" s="2"/>
      <c r="F318" s="2"/>
      <c r="G318" s="2"/>
    </row>
    <row r="319" spans="1:7" ht="20.25" customHeight="1" x14ac:dyDescent="0.4">
      <c r="A319" s="5"/>
      <c r="B319" s="2"/>
      <c r="C319" s="2"/>
      <c r="D319" s="2"/>
      <c r="E319" s="2"/>
      <c r="F319" s="2"/>
      <c r="G319" s="2"/>
    </row>
    <row r="320" spans="1:7" ht="20.25" customHeight="1" x14ac:dyDescent="0.4">
      <c r="A320" s="5"/>
      <c r="B320" s="2"/>
      <c r="C320" s="2"/>
      <c r="D320" s="2"/>
      <c r="E320" s="2"/>
      <c r="F320" s="2"/>
      <c r="G320" s="2"/>
    </row>
    <row r="321" spans="1:7" ht="20.25" customHeight="1" x14ac:dyDescent="0.4">
      <c r="A321" s="5"/>
      <c r="B321" s="2"/>
      <c r="C321" s="2"/>
      <c r="D321" s="2"/>
      <c r="E321" s="2"/>
      <c r="F321" s="2"/>
      <c r="G321" s="2"/>
    </row>
    <row r="322" spans="1:7" ht="20.25" customHeight="1" x14ac:dyDescent="0.4">
      <c r="A322" s="5"/>
      <c r="B322" s="2"/>
      <c r="C322" s="2"/>
      <c r="D322" s="2"/>
      <c r="E322" s="2"/>
      <c r="F322" s="2"/>
      <c r="G322" s="2"/>
    </row>
    <row r="323" spans="1:7" ht="20.25" customHeight="1" x14ac:dyDescent="0.4">
      <c r="A323" s="5"/>
      <c r="B323" s="2"/>
      <c r="C323" s="2"/>
      <c r="D323" s="2"/>
      <c r="E323" s="2"/>
      <c r="F323" s="2"/>
      <c r="G323" s="2"/>
    </row>
    <row r="324" spans="1:7" ht="20.25" customHeight="1" x14ac:dyDescent="0.4">
      <c r="A324" s="5"/>
      <c r="B324" s="2"/>
      <c r="C324" s="2"/>
      <c r="D324" s="2"/>
      <c r="E324" s="2"/>
      <c r="F324" s="2"/>
      <c r="G324" s="2"/>
    </row>
    <row r="325" spans="1:7" ht="20.25" customHeight="1" x14ac:dyDescent="0.4">
      <c r="A325" s="5"/>
      <c r="B325" s="2"/>
      <c r="C325" s="2"/>
      <c r="D325" s="2"/>
      <c r="E325" s="2"/>
      <c r="F325" s="2"/>
      <c r="G325" s="2"/>
    </row>
    <row r="326" spans="1:7" ht="20.25" customHeight="1" x14ac:dyDescent="0.4">
      <c r="A326" s="5"/>
      <c r="B326" s="2"/>
      <c r="C326" s="2"/>
      <c r="D326" s="2"/>
      <c r="E326" s="2"/>
      <c r="F326" s="2"/>
      <c r="G326" s="2"/>
    </row>
    <row r="327" spans="1:7" ht="20.25" customHeight="1" x14ac:dyDescent="0.4">
      <c r="A327" s="5"/>
      <c r="B327" s="2"/>
      <c r="C327" s="2"/>
      <c r="D327" s="2"/>
      <c r="E327" s="2"/>
      <c r="F327" s="2"/>
      <c r="G327" s="2"/>
    </row>
    <row r="328" spans="1:7" ht="20.25" customHeight="1" x14ac:dyDescent="0.4">
      <c r="A328" s="5"/>
      <c r="B328" s="2"/>
      <c r="C328" s="2"/>
      <c r="D328" s="2"/>
      <c r="E328" s="2"/>
      <c r="F328" s="2"/>
      <c r="G328" s="2"/>
    </row>
    <row r="329" spans="1:7" ht="20.25" customHeight="1" x14ac:dyDescent="0.4">
      <c r="A329" s="5"/>
      <c r="B329" s="2"/>
      <c r="C329" s="2"/>
      <c r="D329" s="2"/>
      <c r="E329" s="2"/>
      <c r="F329" s="2"/>
      <c r="G329" s="2"/>
    </row>
    <row r="330" spans="1:7" ht="20.25" customHeight="1" x14ac:dyDescent="0.4">
      <c r="A330" s="5"/>
      <c r="B330" s="2"/>
      <c r="C330" s="2"/>
      <c r="D330" s="2"/>
      <c r="E330" s="2"/>
      <c r="F330" s="2"/>
      <c r="G330" s="2"/>
    </row>
    <row r="331" spans="1:7" ht="20.25" customHeight="1" x14ac:dyDescent="0.4">
      <c r="A331" s="5"/>
      <c r="B331" s="2"/>
      <c r="C331" s="2"/>
      <c r="D331" s="2"/>
      <c r="E331" s="2"/>
      <c r="F331" s="2"/>
      <c r="G331" s="2"/>
    </row>
    <row r="332" spans="1:7" ht="20.25" customHeight="1" x14ac:dyDescent="0.4">
      <c r="A332" s="5"/>
      <c r="B332" s="2"/>
      <c r="C332" s="2"/>
      <c r="D332" s="2"/>
      <c r="E332" s="2"/>
      <c r="F332" s="2"/>
      <c r="G332" s="2"/>
    </row>
    <row r="333" spans="1:7" ht="20.25" customHeight="1" x14ac:dyDescent="0.4">
      <c r="A333" s="5"/>
      <c r="B333" s="2"/>
      <c r="C333" s="2"/>
      <c r="D333" s="2"/>
      <c r="E333" s="2"/>
      <c r="F333" s="2"/>
      <c r="G333" s="2"/>
    </row>
    <row r="334" spans="1:7" ht="20.25" customHeight="1" x14ac:dyDescent="0.4">
      <c r="A334" s="5"/>
      <c r="B334" s="2"/>
      <c r="C334" s="2"/>
      <c r="D334" s="2"/>
      <c r="E334" s="2"/>
      <c r="F334" s="2"/>
      <c r="G334" s="2"/>
    </row>
    <row r="335" spans="1:7" ht="20.25" customHeight="1" x14ac:dyDescent="0.4">
      <c r="A335" s="5"/>
      <c r="B335" s="2"/>
      <c r="C335" s="2"/>
      <c r="D335" s="2"/>
      <c r="E335" s="2"/>
      <c r="F335" s="2"/>
      <c r="G335" s="2"/>
    </row>
    <row r="336" spans="1:7" ht="20.25" customHeight="1" x14ac:dyDescent="0.4">
      <c r="A336" s="5"/>
      <c r="B336" s="2"/>
      <c r="C336" s="2"/>
      <c r="D336" s="2"/>
      <c r="E336" s="2"/>
      <c r="F336" s="2"/>
      <c r="G336" s="2"/>
    </row>
    <row r="337" spans="1:7" ht="20.25" customHeight="1" x14ac:dyDescent="0.4">
      <c r="A337" s="5"/>
      <c r="B337" s="2"/>
      <c r="C337" s="2"/>
      <c r="D337" s="2"/>
      <c r="E337" s="2"/>
      <c r="F337" s="2"/>
      <c r="G337" s="2"/>
    </row>
    <row r="338" spans="1:7" ht="20.25" customHeight="1" x14ac:dyDescent="0.4">
      <c r="A338" s="5"/>
      <c r="B338" s="2"/>
      <c r="C338" s="2"/>
      <c r="D338" s="2"/>
      <c r="E338" s="2"/>
      <c r="F338" s="2"/>
      <c r="G338" s="2"/>
    </row>
    <row r="339" spans="1:7" ht="20.25" customHeight="1" x14ac:dyDescent="0.4">
      <c r="A339" s="5"/>
      <c r="B339" s="2"/>
      <c r="C339" s="2"/>
      <c r="D339" s="2"/>
      <c r="E339" s="2"/>
      <c r="F339" s="2"/>
      <c r="G339" s="2"/>
    </row>
    <row r="340" spans="1:7" ht="20.25" customHeight="1" x14ac:dyDescent="0.4">
      <c r="A340" s="5"/>
      <c r="B340" s="2"/>
      <c r="C340" s="2"/>
      <c r="D340" s="2"/>
      <c r="E340" s="2"/>
      <c r="F340" s="2"/>
      <c r="G340" s="2"/>
    </row>
    <row r="341" spans="1:7" ht="20.25" customHeight="1" x14ac:dyDescent="0.4">
      <c r="A341" s="5"/>
      <c r="B341" s="2"/>
      <c r="C341" s="2"/>
      <c r="D341" s="2"/>
      <c r="E341" s="2"/>
      <c r="F341" s="2"/>
      <c r="G341" s="2"/>
    </row>
    <row r="342" spans="1:7" ht="20.25" customHeight="1" x14ac:dyDescent="0.4">
      <c r="A342" s="5"/>
      <c r="B342" s="2"/>
      <c r="C342" s="2"/>
      <c r="D342" s="2"/>
      <c r="E342" s="2"/>
      <c r="F342" s="2"/>
      <c r="G342" s="2"/>
    </row>
    <row r="343" spans="1:7" ht="20.25" customHeight="1" x14ac:dyDescent="0.4">
      <c r="A343" s="5"/>
      <c r="B343" s="2"/>
      <c r="C343" s="2"/>
      <c r="D343" s="2"/>
      <c r="E343" s="2"/>
      <c r="F343" s="2"/>
      <c r="G343" s="2"/>
    </row>
    <row r="344" spans="1:7" ht="20.25" customHeight="1" x14ac:dyDescent="0.4">
      <c r="A344" s="5"/>
      <c r="B344" s="2"/>
      <c r="C344" s="2"/>
      <c r="D344" s="2"/>
      <c r="E344" s="2"/>
      <c r="F344" s="2"/>
      <c r="G344" s="2"/>
    </row>
    <row r="345" spans="1:7" ht="20.25" customHeight="1" x14ac:dyDescent="0.4">
      <c r="A345" s="5"/>
      <c r="B345" s="2"/>
      <c r="C345" s="2"/>
      <c r="D345" s="2"/>
      <c r="E345" s="2"/>
      <c r="F345" s="2"/>
      <c r="G345" s="2"/>
    </row>
    <row r="346" spans="1:7" ht="20.25" customHeight="1" x14ac:dyDescent="0.4">
      <c r="A346" s="5"/>
      <c r="B346" s="2"/>
      <c r="C346" s="2"/>
      <c r="D346" s="2"/>
      <c r="E346" s="2"/>
      <c r="F346" s="2"/>
      <c r="G346" s="2"/>
    </row>
    <row r="347" spans="1:7" ht="20.25" customHeight="1" x14ac:dyDescent="0.4">
      <c r="A347" s="5"/>
      <c r="B347" s="2"/>
      <c r="C347" s="2"/>
      <c r="D347" s="2"/>
      <c r="E347" s="2"/>
      <c r="F347" s="2"/>
      <c r="G347" s="2"/>
    </row>
    <row r="348" spans="1:7" ht="20.25" customHeight="1" x14ac:dyDescent="0.4">
      <c r="A348" s="5"/>
      <c r="B348" s="2"/>
      <c r="C348" s="2"/>
      <c r="D348" s="2"/>
      <c r="E348" s="2"/>
      <c r="F348" s="2"/>
      <c r="G348" s="2"/>
    </row>
    <row r="349" spans="1:7" ht="20.25" customHeight="1" x14ac:dyDescent="0.4">
      <c r="A349" s="5"/>
      <c r="B349" s="2"/>
      <c r="C349" s="2"/>
      <c r="D349" s="2"/>
      <c r="E349" s="2"/>
      <c r="F349" s="2"/>
      <c r="G349" s="2"/>
    </row>
    <row r="350" spans="1:7" ht="20.25" customHeight="1" x14ac:dyDescent="0.4">
      <c r="A350" s="5"/>
      <c r="B350" s="2"/>
      <c r="C350" s="2"/>
      <c r="D350" s="2"/>
      <c r="E350" s="2"/>
      <c r="F350" s="2"/>
      <c r="G350" s="2"/>
    </row>
    <row r="351" spans="1:7" ht="20.25" customHeight="1" x14ac:dyDescent="0.4">
      <c r="A351" s="5"/>
      <c r="B351" s="2"/>
      <c r="C351" s="2"/>
      <c r="D351" s="2"/>
      <c r="E351" s="2"/>
      <c r="F351" s="2"/>
      <c r="G351" s="2"/>
    </row>
    <row r="352" spans="1:7" ht="20.25" customHeight="1" x14ac:dyDescent="0.4">
      <c r="A352" s="5"/>
      <c r="B352" s="2"/>
      <c r="C352" s="2"/>
      <c r="D352" s="2"/>
      <c r="E352" s="2"/>
      <c r="F352" s="2"/>
      <c r="G352" s="2"/>
    </row>
    <row r="353" spans="1:7" ht="20.25" customHeight="1" x14ac:dyDescent="0.4">
      <c r="A353" s="5"/>
      <c r="B353" s="2"/>
      <c r="C353" s="2"/>
      <c r="D353" s="2"/>
      <c r="E353" s="2"/>
      <c r="F353" s="2"/>
      <c r="G353" s="2"/>
    </row>
    <row r="354" spans="1:7" ht="20.25" customHeight="1" x14ac:dyDescent="0.4">
      <c r="A354" s="5"/>
      <c r="B354" s="2"/>
      <c r="C354" s="2"/>
      <c r="D354" s="2"/>
      <c r="E354" s="2"/>
      <c r="F354" s="2"/>
      <c r="G354" s="2"/>
    </row>
    <row r="355" spans="1:7" ht="20.25" customHeight="1" x14ac:dyDescent="0.4">
      <c r="A355" s="5"/>
      <c r="B355" s="2"/>
      <c r="C355" s="2"/>
      <c r="D355" s="2"/>
      <c r="E355" s="2"/>
      <c r="F355" s="2"/>
      <c r="G355" s="2"/>
    </row>
    <row r="356" spans="1:7" ht="20.25" customHeight="1" x14ac:dyDescent="0.4">
      <c r="A356" s="5"/>
      <c r="B356" s="2"/>
      <c r="C356" s="2"/>
      <c r="D356" s="2"/>
      <c r="E356" s="2"/>
      <c r="F356" s="2"/>
      <c r="G356" s="2"/>
    </row>
    <row r="357" spans="1:7" ht="20.25" customHeight="1" x14ac:dyDescent="0.4">
      <c r="A357" s="5"/>
      <c r="B357" s="2"/>
      <c r="C357" s="2"/>
      <c r="D357" s="2"/>
      <c r="E357" s="2"/>
      <c r="F357" s="2"/>
      <c r="G357" s="2"/>
    </row>
    <row r="358" spans="1:7" ht="20.25" customHeight="1" x14ac:dyDescent="0.4">
      <c r="A358" s="5"/>
      <c r="B358" s="2"/>
      <c r="C358" s="2"/>
      <c r="D358" s="2"/>
      <c r="E358" s="2"/>
      <c r="F358" s="2"/>
      <c r="G358" s="2"/>
    </row>
    <row r="359" spans="1:7" ht="20.25" customHeight="1" x14ac:dyDescent="0.4">
      <c r="A359" s="5"/>
      <c r="B359" s="2"/>
      <c r="C359" s="2"/>
      <c r="D359" s="2"/>
      <c r="E359" s="2"/>
      <c r="F359" s="2"/>
      <c r="G359" s="2"/>
    </row>
    <row r="360" spans="1:7" ht="20.25" customHeight="1" x14ac:dyDescent="0.4">
      <c r="A360" s="5"/>
      <c r="B360" s="2"/>
      <c r="C360" s="2"/>
      <c r="D360" s="2"/>
      <c r="E360" s="2"/>
      <c r="F360" s="2"/>
      <c r="G360" s="2"/>
    </row>
    <row r="361" spans="1:7" ht="20.25" customHeight="1" x14ac:dyDescent="0.4">
      <c r="A361" s="5"/>
      <c r="B361" s="2"/>
      <c r="C361" s="2"/>
      <c r="D361" s="2"/>
      <c r="E361" s="2"/>
      <c r="F361" s="2"/>
      <c r="G361" s="2"/>
    </row>
    <row r="362" spans="1:7" ht="20.25" customHeight="1" x14ac:dyDescent="0.4">
      <c r="A362" s="5"/>
      <c r="B362" s="2"/>
      <c r="C362" s="2"/>
      <c r="D362" s="2"/>
      <c r="E362" s="2"/>
      <c r="F362" s="2"/>
      <c r="G362" s="2"/>
    </row>
    <row r="363" spans="1:7" ht="20.25" customHeight="1" x14ac:dyDescent="0.4">
      <c r="A363" s="5"/>
      <c r="B363" s="2"/>
      <c r="C363" s="2"/>
      <c r="D363" s="2"/>
      <c r="E363" s="2"/>
      <c r="F363" s="2"/>
      <c r="G363" s="2"/>
    </row>
    <row r="364" spans="1:7" ht="20.25" customHeight="1" x14ac:dyDescent="0.4">
      <c r="A364" s="5"/>
      <c r="B364" s="2"/>
      <c r="C364" s="2"/>
      <c r="D364" s="2"/>
      <c r="E364" s="2"/>
      <c r="F364" s="2"/>
      <c r="G364" s="2"/>
    </row>
    <row r="365" spans="1:7" ht="20.25" customHeight="1" x14ac:dyDescent="0.4">
      <c r="A365" s="5"/>
      <c r="B365" s="2"/>
      <c r="C365" s="2"/>
      <c r="D365" s="2"/>
      <c r="E365" s="2"/>
      <c r="F365" s="2"/>
      <c r="G365" s="2"/>
    </row>
    <row r="366" spans="1:7" ht="20.25" customHeight="1" x14ac:dyDescent="0.4">
      <c r="A366" s="5"/>
      <c r="B366" s="2"/>
      <c r="C366" s="2"/>
      <c r="D366" s="2"/>
      <c r="E366" s="2"/>
      <c r="F366" s="2"/>
      <c r="G366" s="2"/>
    </row>
    <row r="367" spans="1:7" ht="20.25" customHeight="1" x14ac:dyDescent="0.4">
      <c r="A367" s="5"/>
      <c r="B367" s="2"/>
      <c r="C367" s="2"/>
      <c r="D367" s="2"/>
      <c r="E367" s="2"/>
      <c r="F367" s="2"/>
      <c r="G367" s="2"/>
    </row>
    <row r="368" spans="1:7" ht="20.25" customHeight="1" x14ac:dyDescent="0.4">
      <c r="A368" s="5"/>
      <c r="B368" s="2"/>
      <c r="C368" s="2"/>
      <c r="D368" s="2"/>
      <c r="E368" s="2"/>
      <c r="F368" s="2"/>
      <c r="G368" s="2"/>
    </row>
    <row r="369" spans="1:7" ht="20.25" customHeight="1" x14ac:dyDescent="0.4">
      <c r="A369" s="5"/>
      <c r="B369" s="2"/>
      <c r="C369" s="2"/>
      <c r="D369" s="2"/>
      <c r="E369" s="2"/>
      <c r="F369" s="2"/>
      <c r="G369" s="2"/>
    </row>
    <row r="370" spans="1:7" ht="20.25" customHeight="1" x14ac:dyDescent="0.4">
      <c r="A370" s="5"/>
      <c r="B370" s="2"/>
      <c r="C370" s="2"/>
      <c r="D370" s="2"/>
      <c r="E370" s="2"/>
      <c r="F370" s="2"/>
      <c r="G370" s="2"/>
    </row>
    <row r="371" spans="1:7" ht="20.25" customHeight="1" x14ac:dyDescent="0.4">
      <c r="A371" s="5"/>
      <c r="B371" s="2"/>
      <c r="C371" s="2"/>
      <c r="D371" s="2"/>
      <c r="E371" s="2"/>
      <c r="F371" s="2"/>
      <c r="G371" s="2"/>
    </row>
    <row r="372" spans="1:7" ht="20.25" customHeight="1" x14ac:dyDescent="0.4">
      <c r="A372" s="5"/>
      <c r="B372" s="2"/>
      <c r="C372" s="2"/>
      <c r="D372" s="2"/>
      <c r="E372" s="2"/>
      <c r="F372" s="2"/>
      <c r="G372" s="2"/>
    </row>
    <row r="373" spans="1:7" ht="20.25" customHeight="1" x14ac:dyDescent="0.4">
      <c r="A373" s="5"/>
      <c r="B373" s="2"/>
      <c r="C373" s="2"/>
      <c r="D373" s="2"/>
      <c r="E373" s="2"/>
      <c r="F373" s="2"/>
      <c r="G373" s="2"/>
    </row>
    <row r="374" spans="1:7" ht="20.25" customHeight="1" x14ac:dyDescent="0.4">
      <c r="A374" s="5"/>
      <c r="B374" s="2"/>
      <c r="C374" s="2"/>
      <c r="D374" s="2"/>
      <c r="E374" s="2"/>
      <c r="F374" s="2"/>
      <c r="G374" s="2"/>
    </row>
    <row r="375" spans="1:7" ht="20.25" customHeight="1" x14ac:dyDescent="0.4">
      <c r="A375" s="5"/>
      <c r="B375" s="2"/>
      <c r="C375" s="2"/>
      <c r="D375" s="2"/>
      <c r="E375" s="2"/>
      <c r="F375" s="2"/>
      <c r="G375" s="2"/>
    </row>
    <row r="376" spans="1:7" ht="20.25" customHeight="1" x14ac:dyDescent="0.4">
      <c r="A376" s="5"/>
      <c r="B376" s="2"/>
      <c r="C376" s="2"/>
      <c r="D376" s="2"/>
      <c r="E376" s="2"/>
      <c r="F376" s="2"/>
      <c r="G376" s="2"/>
    </row>
    <row r="377" spans="1:7" ht="20.25" customHeight="1" x14ac:dyDescent="0.4">
      <c r="A377" s="5"/>
      <c r="B377" s="2"/>
      <c r="C377" s="2"/>
      <c r="D377" s="2"/>
      <c r="E377" s="2"/>
      <c r="F377" s="2"/>
      <c r="G377" s="2"/>
    </row>
    <row r="378" spans="1:7" ht="20.25" customHeight="1" x14ac:dyDescent="0.4">
      <c r="A378" s="5"/>
      <c r="B378" s="2"/>
      <c r="C378" s="2"/>
      <c r="D378" s="2"/>
      <c r="E378" s="2"/>
      <c r="F378" s="2"/>
      <c r="G378" s="2"/>
    </row>
    <row r="379" spans="1:7" ht="20.25" customHeight="1" x14ac:dyDescent="0.4">
      <c r="A379" s="5"/>
      <c r="B379" s="2"/>
      <c r="C379" s="2"/>
      <c r="D379" s="2"/>
      <c r="E379" s="2"/>
      <c r="F379" s="2"/>
      <c r="G379" s="2"/>
    </row>
    <row r="380" spans="1:7" ht="20.25" customHeight="1" x14ac:dyDescent="0.4">
      <c r="A380" s="5"/>
      <c r="B380" s="2"/>
      <c r="C380" s="2"/>
      <c r="D380" s="2"/>
      <c r="E380" s="2"/>
      <c r="F380" s="2"/>
      <c r="G380" s="2"/>
    </row>
    <row r="381" spans="1:7" ht="20.25" customHeight="1" x14ac:dyDescent="0.4">
      <c r="A381" s="5"/>
      <c r="B381" s="2"/>
      <c r="C381" s="2"/>
      <c r="D381" s="2"/>
      <c r="E381" s="2"/>
      <c r="F381" s="2"/>
      <c r="G381" s="2"/>
    </row>
    <row r="382" spans="1:7" ht="20.25" customHeight="1" x14ac:dyDescent="0.4">
      <c r="A382" s="5"/>
      <c r="B382" s="2"/>
      <c r="C382" s="2"/>
      <c r="D382" s="2"/>
      <c r="E382" s="2"/>
      <c r="F382" s="2"/>
      <c r="G382" s="2"/>
    </row>
    <row r="383" spans="1:7" ht="20.25" customHeight="1" x14ac:dyDescent="0.4">
      <c r="A383" s="5"/>
      <c r="B383" s="2"/>
      <c r="C383" s="2"/>
      <c r="D383" s="2"/>
      <c r="E383" s="2"/>
      <c r="F383" s="2"/>
      <c r="G383" s="2"/>
    </row>
    <row r="384" spans="1:7" ht="20.25" customHeight="1" x14ac:dyDescent="0.4">
      <c r="A384" s="5"/>
      <c r="B384" s="2"/>
      <c r="C384" s="2"/>
      <c r="D384" s="2"/>
      <c r="E384" s="2"/>
      <c r="F384" s="2"/>
      <c r="G384" s="2"/>
    </row>
    <row r="385" spans="1:7" ht="20.25" customHeight="1" x14ac:dyDescent="0.4">
      <c r="A385" s="5"/>
      <c r="B385" s="2"/>
      <c r="C385" s="2"/>
      <c r="D385" s="2"/>
      <c r="E385" s="2"/>
      <c r="F385" s="2"/>
      <c r="G385" s="2"/>
    </row>
    <row r="386" spans="1:7" ht="20.25" customHeight="1" x14ac:dyDescent="0.4">
      <c r="A386" s="5"/>
      <c r="B386" s="2"/>
      <c r="C386" s="2"/>
      <c r="D386" s="2"/>
      <c r="E386" s="2"/>
      <c r="F386" s="2"/>
      <c r="G386" s="2"/>
    </row>
    <row r="387" spans="1:7" ht="20.25" customHeight="1" x14ac:dyDescent="0.4">
      <c r="A387" s="5"/>
      <c r="B387" s="2"/>
      <c r="C387" s="2"/>
      <c r="D387" s="2"/>
      <c r="E387" s="2"/>
      <c r="F387" s="2"/>
      <c r="G387" s="2"/>
    </row>
    <row r="388" spans="1:7" ht="20.25" customHeight="1" x14ac:dyDescent="0.4">
      <c r="A388" s="5"/>
      <c r="B388" s="2"/>
      <c r="C388" s="2"/>
      <c r="D388" s="2"/>
      <c r="E388" s="2"/>
      <c r="F388" s="2"/>
      <c r="G388" s="2"/>
    </row>
    <row r="389" spans="1:7" ht="20.25" customHeight="1" x14ac:dyDescent="0.4">
      <c r="A389" s="5"/>
      <c r="B389" s="2"/>
      <c r="C389" s="2"/>
      <c r="D389" s="2"/>
      <c r="E389" s="2"/>
      <c r="F389" s="2"/>
      <c r="G389" s="2"/>
    </row>
    <row r="390" spans="1:7" ht="20.25" customHeight="1" x14ac:dyDescent="0.4">
      <c r="A390" s="5"/>
      <c r="B390" s="2"/>
      <c r="C390" s="2"/>
      <c r="D390" s="2"/>
      <c r="E390" s="2"/>
      <c r="F390" s="2"/>
      <c r="G390" s="2"/>
    </row>
    <row r="391" spans="1:7" ht="20.25" customHeight="1" x14ac:dyDescent="0.4">
      <c r="A391" s="5"/>
      <c r="B391" s="2"/>
      <c r="C391" s="2"/>
      <c r="D391" s="2"/>
      <c r="E391" s="2"/>
      <c r="F391" s="2"/>
      <c r="G391" s="2"/>
    </row>
    <row r="392" spans="1:7" ht="20.25" customHeight="1" x14ac:dyDescent="0.4">
      <c r="A392" s="5"/>
      <c r="B392" s="2"/>
      <c r="C392" s="2"/>
      <c r="D392" s="2"/>
      <c r="E392" s="2"/>
      <c r="F392" s="2"/>
      <c r="G392" s="2"/>
    </row>
    <row r="393" spans="1:7" ht="20.25" customHeight="1" x14ac:dyDescent="0.4">
      <c r="A393" s="5"/>
      <c r="B393" s="2"/>
      <c r="C393" s="2"/>
      <c r="D393" s="2"/>
      <c r="E393" s="2"/>
      <c r="F393" s="2"/>
      <c r="G393" s="2"/>
    </row>
    <row r="394" spans="1:7" ht="20.25" customHeight="1" x14ac:dyDescent="0.4">
      <c r="A394" s="5"/>
      <c r="B394" s="2"/>
      <c r="C394" s="2"/>
      <c r="D394" s="2"/>
      <c r="E394" s="2"/>
      <c r="F394" s="2"/>
      <c r="G394" s="2"/>
    </row>
    <row r="395" spans="1:7" ht="20.25" customHeight="1" x14ac:dyDescent="0.4">
      <c r="A395" s="5"/>
      <c r="B395" s="2"/>
      <c r="C395" s="2"/>
      <c r="D395" s="2"/>
      <c r="E395" s="2"/>
      <c r="F395" s="2"/>
      <c r="G395" s="2"/>
    </row>
    <row r="396" spans="1:7" ht="20.25" customHeight="1" x14ac:dyDescent="0.4">
      <c r="A396" s="5"/>
      <c r="B396" s="2"/>
      <c r="C396" s="2"/>
      <c r="D396" s="2"/>
      <c r="E396" s="2"/>
      <c r="F396" s="2"/>
      <c r="G396" s="2"/>
    </row>
    <row r="397" spans="1:7" ht="20.25" customHeight="1" x14ac:dyDescent="0.4">
      <c r="A397" s="5"/>
      <c r="B397" s="2"/>
      <c r="C397" s="2"/>
      <c r="D397" s="2"/>
      <c r="E397" s="2"/>
      <c r="F397" s="2"/>
      <c r="G397" s="2"/>
    </row>
    <row r="398" spans="1:7" ht="20.25" customHeight="1" x14ac:dyDescent="0.4">
      <c r="A398" s="5"/>
      <c r="B398" s="2"/>
      <c r="C398" s="2"/>
      <c r="D398" s="2"/>
      <c r="E398" s="2"/>
      <c r="F398" s="2"/>
      <c r="G398" s="2"/>
    </row>
    <row r="399" spans="1:7" ht="20.25" customHeight="1" x14ac:dyDescent="0.4">
      <c r="A399" s="5"/>
      <c r="B399" s="2"/>
      <c r="C399" s="2"/>
      <c r="D399" s="2"/>
      <c r="E399" s="2"/>
      <c r="F399" s="2"/>
      <c r="G399" s="2"/>
    </row>
    <row r="400" spans="1:7" ht="20.25" customHeight="1" x14ac:dyDescent="0.4">
      <c r="A400" s="5"/>
      <c r="B400" s="2"/>
      <c r="C400" s="2"/>
      <c r="D400" s="2"/>
      <c r="E400" s="2"/>
      <c r="F400" s="2"/>
      <c r="G400" s="2"/>
    </row>
    <row r="401" spans="1:7" ht="20.25" customHeight="1" x14ac:dyDescent="0.4">
      <c r="A401" s="5"/>
      <c r="B401" s="2"/>
      <c r="C401" s="2"/>
      <c r="D401" s="2"/>
      <c r="E401" s="2"/>
      <c r="F401" s="2"/>
      <c r="G401" s="2"/>
    </row>
    <row r="402" spans="1:7" ht="20.25" customHeight="1" x14ac:dyDescent="0.4">
      <c r="A402" s="5"/>
      <c r="B402" s="2"/>
      <c r="C402" s="2"/>
      <c r="D402" s="2"/>
      <c r="E402" s="2"/>
      <c r="F402" s="2"/>
      <c r="G402" s="2"/>
    </row>
    <row r="403" spans="1:7" ht="20.25" customHeight="1" x14ac:dyDescent="0.4">
      <c r="A403" s="5"/>
      <c r="B403" s="2"/>
      <c r="C403" s="2"/>
      <c r="D403" s="2"/>
      <c r="E403" s="2"/>
      <c r="F403" s="2"/>
      <c r="G403" s="2"/>
    </row>
    <row r="404" spans="1:7" ht="20.25" customHeight="1" x14ac:dyDescent="0.4">
      <c r="A404" s="5"/>
      <c r="B404" s="2"/>
      <c r="C404" s="2"/>
      <c r="D404" s="2"/>
      <c r="E404" s="2"/>
      <c r="F404" s="2"/>
      <c r="G404" s="2"/>
    </row>
    <row r="405" spans="1:7" ht="20.25" customHeight="1" x14ac:dyDescent="0.4">
      <c r="A405" s="5"/>
      <c r="B405" s="2"/>
      <c r="C405" s="2"/>
      <c r="D405" s="2"/>
      <c r="E405" s="2"/>
      <c r="F405" s="2"/>
      <c r="G405" s="2"/>
    </row>
    <row r="406" spans="1:7" ht="20.25" customHeight="1" x14ac:dyDescent="0.4">
      <c r="A406" s="5"/>
      <c r="B406" s="2"/>
      <c r="C406" s="2"/>
      <c r="D406" s="2"/>
      <c r="E406" s="2"/>
      <c r="F406" s="2"/>
      <c r="G406" s="2"/>
    </row>
    <row r="407" spans="1:7" ht="20.25" customHeight="1" x14ac:dyDescent="0.4">
      <c r="A407" s="5"/>
      <c r="B407" s="2"/>
      <c r="C407" s="2"/>
      <c r="D407" s="2"/>
      <c r="E407" s="2"/>
      <c r="F407" s="2"/>
      <c r="G407" s="2"/>
    </row>
    <row r="408" spans="1:7" ht="20.25" customHeight="1" x14ac:dyDescent="0.4">
      <c r="A408" s="5"/>
      <c r="B408" s="2"/>
      <c r="C408" s="2"/>
      <c r="D408" s="2"/>
      <c r="E408" s="2"/>
      <c r="F408" s="2"/>
      <c r="G408" s="2"/>
    </row>
    <row r="409" spans="1:7" ht="20.25" customHeight="1" x14ac:dyDescent="0.4">
      <c r="A409" s="5"/>
      <c r="B409" s="2"/>
      <c r="C409" s="2"/>
      <c r="D409" s="2"/>
      <c r="E409" s="2"/>
      <c r="F409" s="2"/>
      <c r="G409" s="2"/>
    </row>
    <row r="410" spans="1:7" ht="20.25" customHeight="1" x14ac:dyDescent="0.4">
      <c r="A410" s="5"/>
      <c r="B410" s="2"/>
      <c r="C410" s="2"/>
      <c r="D410" s="2"/>
      <c r="E410" s="2"/>
      <c r="F410" s="2"/>
      <c r="G410" s="2"/>
    </row>
    <row r="411" spans="1:7" ht="20.25" customHeight="1" x14ac:dyDescent="0.4">
      <c r="A411" s="5"/>
      <c r="B411" s="2"/>
      <c r="C411" s="2"/>
      <c r="D411" s="2"/>
      <c r="E411" s="2"/>
      <c r="F411" s="2"/>
      <c r="G411" s="2"/>
    </row>
    <row r="412" spans="1:7" ht="20.25" customHeight="1" x14ac:dyDescent="0.4">
      <c r="A412" s="5"/>
      <c r="B412" s="2"/>
      <c r="C412" s="2"/>
      <c r="D412" s="2"/>
      <c r="E412" s="2"/>
      <c r="F412" s="2"/>
      <c r="G412" s="2"/>
    </row>
    <row r="413" spans="1:7" ht="20.25" customHeight="1" x14ac:dyDescent="0.4">
      <c r="A413" s="5"/>
      <c r="B413" s="2"/>
      <c r="C413" s="2"/>
      <c r="D413" s="2"/>
      <c r="E413" s="2"/>
      <c r="F413" s="2"/>
      <c r="G413" s="2"/>
    </row>
    <row r="414" spans="1:7" ht="20.25" customHeight="1" x14ac:dyDescent="0.4">
      <c r="A414" s="5"/>
      <c r="B414" s="2"/>
      <c r="C414" s="2"/>
      <c r="D414" s="2"/>
      <c r="E414" s="2"/>
      <c r="F414" s="2"/>
      <c r="G414" s="2"/>
    </row>
    <row r="415" spans="1:7" ht="20.25" customHeight="1" x14ac:dyDescent="0.4">
      <c r="A415" s="5"/>
      <c r="B415" s="2"/>
      <c r="C415" s="2"/>
      <c r="D415" s="2"/>
      <c r="E415" s="2"/>
      <c r="F415" s="2"/>
      <c r="G415" s="2"/>
    </row>
    <row r="416" spans="1:7" ht="20.25" customHeight="1" x14ac:dyDescent="0.4">
      <c r="A416" s="5"/>
      <c r="B416" s="2"/>
      <c r="C416" s="2"/>
      <c r="D416" s="2"/>
      <c r="E416" s="2"/>
      <c r="F416" s="2"/>
      <c r="G416" s="2"/>
    </row>
    <row r="417" spans="1:7" ht="20.25" customHeight="1" x14ac:dyDescent="0.4">
      <c r="A417" s="5"/>
      <c r="B417" s="2"/>
      <c r="C417" s="2"/>
      <c r="D417" s="2"/>
      <c r="E417" s="2"/>
      <c r="F417" s="2"/>
      <c r="G417" s="2"/>
    </row>
    <row r="418" spans="1:7" ht="20.25" customHeight="1" x14ac:dyDescent="0.4">
      <c r="A418" s="5"/>
      <c r="B418" s="2"/>
      <c r="C418" s="2"/>
      <c r="D418" s="2"/>
      <c r="E418" s="2"/>
      <c r="F418" s="2"/>
      <c r="G418" s="2"/>
    </row>
    <row r="419" spans="1:7" ht="20.25" customHeight="1" x14ac:dyDescent="0.4">
      <c r="A419" s="5"/>
      <c r="B419" s="2"/>
      <c r="C419" s="2"/>
      <c r="D419" s="2"/>
      <c r="E419" s="2"/>
      <c r="F419" s="2"/>
      <c r="G419" s="2"/>
    </row>
    <row r="420" spans="1:7" ht="20.25" customHeight="1" x14ac:dyDescent="0.4">
      <c r="A420" s="5"/>
      <c r="B420" s="2"/>
      <c r="C420" s="2"/>
      <c r="D420" s="2"/>
      <c r="E420" s="2"/>
      <c r="F420" s="2"/>
      <c r="G420" s="2"/>
    </row>
    <row r="438" spans="1:7" ht="20.25" customHeight="1" x14ac:dyDescent="0.4">
      <c r="A438" s="267"/>
      <c r="B438" s="268"/>
      <c r="C438" s="268"/>
      <c r="D438" s="268"/>
      <c r="E438" s="268"/>
      <c r="F438" s="268"/>
      <c r="G438" s="269"/>
    </row>
  </sheetData>
  <mergeCells count="9">
    <mergeCell ref="B36:G36"/>
    <mergeCell ref="B37:G37"/>
    <mergeCell ref="B38:G38"/>
    <mergeCell ref="B3:G3"/>
    <mergeCell ref="B10:G10"/>
    <mergeCell ref="B11:G11"/>
    <mergeCell ref="B19:G19"/>
    <mergeCell ref="B31:G31"/>
    <mergeCell ref="B35:G35"/>
  </mergeCells>
  <phoneticPr fontId="3"/>
  <printOptions horizontalCentered="1"/>
  <pageMargins left="0.23622047244094491" right="0.23622047244094491" top="0.74803149606299213" bottom="0.74803149606299213" header="0.31496062992125984" footer="0.31496062992125984"/>
  <pageSetup paperSize="9" scale="40" orientation="portrait" r:id="rId1"/>
  <headerFooter alignWithMargins="0"/>
  <rowBreaks count="1" manualBreakCount="1">
    <brk id="160" max="16383" man="1"/>
  </rowBreaks>
  <colBreaks count="1" manualBreakCount="1">
    <brk id="1"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9DB03D-E2AF-484F-997E-2E050656B7DF}">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別紙１－３</vt:lpstr>
      <vt:lpstr>備考（1－3）</vt:lpstr>
      <vt:lpstr>Sheet1</vt:lpstr>
      <vt:lpstr>'備考（1－3）'!Print_Area</vt:lpstr>
      <vt:lpstr>'別紙１－３'!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30:29Z</dcterms:created>
  <dcterms:modified xsi:type="dcterms:W3CDTF">2024-03-22T04:31:40Z</dcterms:modified>
</cp:coreProperties>
</file>